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theme/themeOverride1.xml" ContentType="application/vnd.openxmlformats-officedocument.themeOverride+xml"/>
  <Override PartName="/ppt/theme/themeOverride2.xml" ContentType="application/vnd.openxmlformats-officedocument.themeOverr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61" r:id="rId12"/>
  </p:sldMasterIdLst>
  <p:notesMasterIdLst>
    <p:notesMasterId r:id="rId30"/>
  </p:notesMasterIdLst>
  <p:handoutMasterIdLst>
    <p:handoutMasterId r:id="rId31"/>
  </p:handoutMasterIdLst>
  <p:sldIdLst>
    <p:sldId id="2147481978" r:id="rId13"/>
    <p:sldId id="2147482049" r:id="rId14"/>
    <p:sldId id="2147482036" r:id="rId15"/>
    <p:sldId id="2147482038" r:id="rId16"/>
    <p:sldId id="2147482039" r:id="rId17"/>
    <p:sldId id="2147482037" r:id="rId18"/>
    <p:sldId id="2147482040" r:id="rId19"/>
    <p:sldId id="2147482041" r:id="rId20"/>
    <p:sldId id="2147482042" r:id="rId21"/>
    <p:sldId id="2147482043" r:id="rId22"/>
    <p:sldId id="2147482044" r:id="rId23"/>
    <p:sldId id="2147482045" r:id="rId24"/>
    <p:sldId id="2147482046" r:id="rId25"/>
    <p:sldId id="2147482047" r:id="rId26"/>
    <p:sldId id="2147482048" r:id="rId27"/>
    <p:sldId id="2147481999" r:id="rId28"/>
    <p:sldId id="2147482034" r:id="rId29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 useTimings="0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206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96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79" autoAdjust="0"/>
    <p:restoredTop sz="94694"/>
  </p:normalViewPr>
  <p:slideViewPr>
    <p:cSldViewPr snapToGrid="0">
      <p:cViewPr varScale="1">
        <p:scale>
          <a:sx n="94" d="100"/>
          <a:sy n="94" d="100"/>
        </p:scale>
        <p:origin x="78" y="42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slide" Target="slides/slide14.xml"/><Relationship Id="rId3" Type="http://schemas.openxmlformats.org/officeDocument/2006/relationships/customXml" Target="../customXml/item3.xml"/><Relationship Id="rId21" Type="http://schemas.openxmlformats.org/officeDocument/2006/relationships/slide" Target="slides/slide9.xml"/><Relationship Id="rId34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slide" Target="slides/slide13.xml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slide" Target="slides/slide8.xml"/><Relationship Id="rId29" Type="http://schemas.openxmlformats.org/officeDocument/2006/relationships/slide" Target="slides/slide17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2.xml"/><Relationship Id="rId32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slide" Target="slides/slide11.xml"/><Relationship Id="rId28" Type="http://schemas.openxmlformats.org/officeDocument/2006/relationships/slide" Target="slides/slide16.xml"/><Relationship Id="rId36" Type="http://schemas.microsoft.com/office/2016/11/relationships/changesInfo" Target="changesInfos/changesInfo1.xml"/><Relationship Id="rId10" Type="http://schemas.openxmlformats.org/officeDocument/2006/relationships/customXml" Target="../customXml/item10.xml"/><Relationship Id="rId19" Type="http://schemas.openxmlformats.org/officeDocument/2006/relationships/slide" Target="slides/slide7.xml"/><Relationship Id="rId31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slide" Target="slides/slide10.xml"/><Relationship Id="rId27" Type="http://schemas.openxmlformats.org/officeDocument/2006/relationships/slide" Target="slides/slide15.xml"/><Relationship Id="rId30" Type="http://schemas.openxmlformats.org/officeDocument/2006/relationships/notesMaster" Target="notesMasters/notesMaster1.xml"/><Relationship Id="rId35" Type="http://schemas.openxmlformats.org/officeDocument/2006/relationships/tableStyles" Target="tableStyles.xml"/><Relationship Id="rId8" Type="http://schemas.openxmlformats.org/officeDocument/2006/relationships/customXml" Target="../customXml/item8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Jerry Van Echelpoel" userId="587d84b9-a985-402b-a90a-b43aa4783cbc" providerId="ADAL" clId="{B73C7E00-198D-47D7-9B68-30936A1BAC48}"/>
    <pc:docChg chg="custSel modSld sldOrd">
      <pc:chgData name="Jerry Van Echelpoel" userId="587d84b9-a985-402b-a90a-b43aa4783cbc" providerId="ADAL" clId="{B73C7E00-198D-47D7-9B68-30936A1BAC48}" dt="2024-05-08T10:36:10.530" v="24" actId="20577"/>
      <pc:docMkLst>
        <pc:docMk/>
      </pc:docMkLst>
      <pc:sldChg chg="modSp mod">
        <pc:chgData name="Jerry Van Echelpoel" userId="587d84b9-a985-402b-a90a-b43aa4783cbc" providerId="ADAL" clId="{B73C7E00-198D-47D7-9B68-30936A1BAC48}" dt="2024-05-08T10:36:10.530" v="24" actId="20577"/>
        <pc:sldMkLst>
          <pc:docMk/>
          <pc:sldMk cId="140545682" sldId="2147481978"/>
        </pc:sldMkLst>
        <pc:spChg chg="mod">
          <ac:chgData name="Jerry Van Echelpoel" userId="587d84b9-a985-402b-a90a-b43aa4783cbc" providerId="ADAL" clId="{B73C7E00-198D-47D7-9B68-30936A1BAC48}" dt="2024-05-08T10:36:10.530" v="24" actId="20577"/>
          <ac:spMkLst>
            <pc:docMk/>
            <pc:sldMk cId="140545682" sldId="2147481978"/>
            <ac:spMk id="10" creationId="{770FAA60-B183-2A4B-5C26-A7935A364920}"/>
          </ac:spMkLst>
        </pc:spChg>
      </pc:sldChg>
      <pc:sldChg chg="delSp mod">
        <pc:chgData name="Jerry Van Echelpoel" userId="587d84b9-a985-402b-a90a-b43aa4783cbc" providerId="ADAL" clId="{B73C7E00-198D-47D7-9B68-30936A1BAC48}" dt="2024-05-08T05:19:00.166" v="18" actId="478"/>
        <pc:sldMkLst>
          <pc:docMk/>
          <pc:sldMk cId="2427720943" sldId="2147481999"/>
        </pc:sldMkLst>
        <pc:spChg chg="del">
          <ac:chgData name="Jerry Van Echelpoel" userId="587d84b9-a985-402b-a90a-b43aa4783cbc" providerId="ADAL" clId="{B73C7E00-198D-47D7-9B68-30936A1BAC48}" dt="2024-05-08T05:19:00.166" v="18" actId="478"/>
          <ac:spMkLst>
            <pc:docMk/>
            <pc:sldMk cId="2427720943" sldId="2147481999"/>
            <ac:spMk id="2" creationId="{E8052A10-7450-69A0-5390-B9C840C8F736}"/>
          </ac:spMkLst>
        </pc:spChg>
      </pc:sldChg>
      <pc:sldChg chg="delSp mod">
        <pc:chgData name="Jerry Van Echelpoel" userId="587d84b9-a985-402b-a90a-b43aa4783cbc" providerId="ADAL" clId="{B73C7E00-198D-47D7-9B68-30936A1BAC48}" dt="2024-05-08T05:18:56.542" v="17" actId="478"/>
        <pc:sldMkLst>
          <pc:docMk/>
          <pc:sldMk cId="3915383512" sldId="2147482034"/>
        </pc:sldMkLst>
        <pc:spChg chg="del">
          <ac:chgData name="Jerry Van Echelpoel" userId="587d84b9-a985-402b-a90a-b43aa4783cbc" providerId="ADAL" clId="{B73C7E00-198D-47D7-9B68-30936A1BAC48}" dt="2024-05-08T05:18:56.542" v="17" actId="478"/>
          <ac:spMkLst>
            <pc:docMk/>
            <pc:sldMk cId="3915383512" sldId="2147482034"/>
            <ac:spMk id="2" creationId="{610BAC20-9182-608C-F509-5ACA658BD78E}"/>
          </ac:spMkLst>
        </pc:spChg>
        <pc:spChg chg="del">
          <ac:chgData name="Jerry Van Echelpoel" userId="587d84b9-a985-402b-a90a-b43aa4783cbc" providerId="ADAL" clId="{B73C7E00-198D-47D7-9B68-30936A1BAC48}" dt="2024-05-08T05:18:56.542" v="17" actId="478"/>
          <ac:spMkLst>
            <pc:docMk/>
            <pc:sldMk cId="3915383512" sldId="2147482034"/>
            <ac:spMk id="4" creationId="{5F2324A6-9E23-8B0C-5448-1121CAAF637F}"/>
          </ac:spMkLst>
        </pc:spChg>
      </pc:sldChg>
      <pc:sldChg chg="modSp mod">
        <pc:chgData name="Jerry Van Echelpoel" userId="587d84b9-a985-402b-a90a-b43aa4783cbc" providerId="ADAL" clId="{B73C7E00-198D-47D7-9B68-30936A1BAC48}" dt="2024-05-08T05:17:43.618" v="4" actId="20577"/>
        <pc:sldMkLst>
          <pc:docMk/>
          <pc:sldMk cId="3868279377" sldId="2147482038"/>
        </pc:sldMkLst>
        <pc:spChg chg="mod">
          <ac:chgData name="Jerry Van Echelpoel" userId="587d84b9-a985-402b-a90a-b43aa4783cbc" providerId="ADAL" clId="{B73C7E00-198D-47D7-9B68-30936A1BAC48}" dt="2024-05-08T05:17:43.618" v="4" actId="20577"/>
          <ac:spMkLst>
            <pc:docMk/>
            <pc:sldMk cId="3868279377" sldId="2147482038"/>
            <ac:spMk id="7" creationId="{4B493696-3F70-FAC4-4CE7-EB0DBC5114D3}"/>
          </ac:spMkLst>
        </pc:spChg>
      </pc:sldChg>
      <pc:sldChg chg="ord">
        <pc:chgData name="Jerry Van Echelpoel" userId="587d84b9-a985-402b-a90a-b43aa4783cbc" providerId="ADAL" clId="{B73C7E00-198D-47D7-9B68-30936A1BAC48}" dt="2024-05-08T05:18:01.566" v="6"/>
        <pc:sldMkLst>
          <pc:docMk/>
          <pc:sldMk cId="3452985801" sldId="2147482039"/>
        </pc:sldMkLst>
      </pc:sldChg>
      <pc:sldChg chg="modSp mod">
        <pc:chgData name="Jerry Van Echelpoel" userId="587d84b9-a985-402b-a90a-b43aa4783cbc" providerId="ADAL" clId="{B73C7E00-198D-47D7-9B68-30936A1BAC48}" dt="2024-05-08T05:18:37.081" v="16" actId="20577"/>
        <pc:sldMkLst>
          <pc:docMk/>
          <pc:sldMk cId="2162643380" sldId="2147482041"/>
        </pc:sldMkLst>
        <pc:spChg chg="mod">
          <ac:chgData name="Jerry Van Echelpoel" userId="587d84b9-a985-402b-a90a-b43aa4783cbc" providerId="ADAL" clId="{B73C7E00-198D-47D7-9B68-30936A1BAC48}" dt="2024-05-08T05:18:37.081" v="16" actId="20577"/>
          <ac:spMkLst>
            <pc:docMk/>
            <pc:sldMk cId="2162643380" sldId="2147482041"/>
            <ac:spMk id="2" creationId="{8C94F141-C79B-E99E-BEA6-E611BC228640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Espace réservé de l'en-tête 1">
            <a:extLst>
              <a:ext uri="{FF2B5EF4-FFF2-40B4-BE49-F238E27FC236}">
                <a16:creationId xmlns:a16="http://schemas.microsoft.com/office/drawing/2014/main" id="{CB257163-CC03-9DBC-CFC6-D87CA2FD10B3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fr-FR"/>
          </a:p>
        </p:txBody>
      </p:sp>
      <p:sp>
        <p:nvSpPr>
          <p:cNvPr id="3" name="Espace réservé de la date 2">
            <a:extLst>
              <a:ext uri="{FF2B5EF4-FFF2-40B4-BE49-F238E27FC236}">
                <a16:creationId xmlns:a16="http://schemas.microsoft.com/office/drawing/2014/main" id="{C8998400-4890-BD7D-5868-5E1740110F2E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82E946E0-25FF-447A-9EFD-EDA118331AB8}" type="datetimeFigureOut">
              <a:rPr lang="fr-FR" smtClean="0"/>
              <a:t>08/05/2024</a:t>
            </a:fld>
            <a:endParaRPr lang="fr-FR"/>
          </a:p>
        </p:txBody>
      </p:sp>
      <p:sp>
        <p:nvSpPr>
          <p:cNvPr id="4" name="Espace réservé du pied de page 3">
            <a:extLst>
              <a:ext uri="{FF2B5EF4-FFF2-40B4-BE49-F238E27FC236}">
                <a16:creationId xmlns:a16="http://schemas.microsoft.com/office/drawing/2014/main" id="{7F381E95-75C3-9B7E-C615-253AE242BCF2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fr-FR"/>
          </a:p>
        </p:txBody>
      </p:sp>
      <p:sp>
        <p:nvSpPr>
          <p:cNvPr id="5" name="Espace réservé du numéro de diapositive 4">
            <a:extLst>
              <a:ext uri="{FF2B5EF4-FFF2-40B4-BE49-F238E27FC236}">
                <a16:creationId xmlns:a16="http://schemas.microsoft.com/office/drawing/2014/main" id="{47A9BE36-E2CA-54CA-1471-D8900029EF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94AD890B-42DC-4A9C-80F9-A145163E1B07}" type="slidenum">
              <a:rPr lang="fr-FR" smtClean="0"/>
              <a:t>‹#›</a:t>
            </a:fld>
            <a:endParaRPr lang="fr-FR"/>
          </a:p>
        </p:txBody>
      </p:sp>
    </p:spTree>
    <p:extLst>
      <p:ext uri="{BB962C8B-B14F-4D97-AF65-F5344CB8AC3E}">
        <p14:creationId xmlns:p14="http://schemas.microsoft.com/office/powerpoint/2010/main" val="428138430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30DD5DF-9420-474C-8C17-3767BDE12698}" type="datetimeFigureOut">
              <a:rPr lang="en-US" smtClean="0"/>
              <a:t>5/8/2024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53165D6-9D0D-1C4F-9B7F-1E9B9C33BDE5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90507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113E2EE0-A845-6645-BD60-6460180190FF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35043936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jpe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jpe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jpe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sv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hyperlink" Target="https://ads.freestar.com/?utm_campaign=branding&amp;utm_medium=banner&amp;utm_source=lipsum.com&amp;utm_content=lipsumcom_right_siderail" TargetMode="External"/><Relationship Id="rId2" Type="http://schemas.openxmlformats.org/officeDocument/2006/relationships/hyperlink" Target="https://ads.freestar.com/?utm_campaign=branding&amp;utm_medium=banner&amp;utm_source=lipsum.com&amp;utm_content=lipsumcom_left_siderail" TargetMode="External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svg"/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jpe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jpeg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1.svg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svg"/><Relationship Id="rId2" Type="http://schemas.openxmlformats.org/officeDocument/2006/relationships/image" Target="../media/image22.png"/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svg"/><Relationship Id="rId2" Type="http://schemas.openxmlformats.org/officeDocument/2006/relationships/image" Target="../media/image22.png"/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svg"/><Relationship Id="rId2" Type="http://schemas.openxmlformats.org/officeDocument/2006/relationships/image" Target="../media/image22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jpeg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png"/><Relationship Id="rId3" Type="http://schemas.openxmlformats.org/officeDocument/2006/relationships/image" Target="../media/image25.svg"/><Relationship Id="rId7" Type="http://schemas.openxmlformats.org/officeDocument/2006/relationships/image" Target="../media/image29.pn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8.png"/><Relationship Id="rId5" Type="http://schemas.openxmlformats.org/officeDocument/2006/relationships/image" Target="../media/image27.png"/><Relationship Id="rId4" Type="http://schemas.openxmlformats.org/officeDocument/2006/relationships/image" Target="../media/image26.png"/><Relationship Id="rId9" Type="http://schemas.openxmlformats.org/officeDocument/2006/relationships/image" Target="../media/image13.jpeg"/></Relationships>
</file>

<file path=ppt/slideLayouts/_rels/slideLayout3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png"/><Relationship Id="rId3" Type="http://schemas.openxmlformats.org/officeDocument/2006/relationships/image" Target="../media/image25.svg"/><Relationship Id="rId7" Type="http://schemas.openxmlformats.org/officeDocument/2006/relationships/image" Target="../media/image29.pn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8.png"/><Relationship Id="rId5" Type="http://schemas.openxmlformats.org/officeDocument/2006/relationships/image" Target="../media/image27.png"/><Relationship Id="rId4" Type="http://schemas.openxmlformats.org/officeDocument/2006/relationships/image" Target="../media/image26.png"/><Relationship Id="rId9" Type="http://schemas.openxmlformats.org/officeDocument/2006/relationships/image" Target="../media/image14.png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png"/><Relationship Id="rId2" Type="http://schemas.openxmlformats.org/officeDocument/2006/relationships/image" Target="../media/image31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3.svg"/><Relationship Id="rId5" Type="http://schemas.openxmlformats.org/officeDocument/2006/relationships/image" Target="../media/image22.png"/><Relationship Id="rId4" Type="http://schemas.openxmlformats.org/officeDocument/2006/relationships/image" Target="../media/image33.svg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svg"/><Relationship Id="rId2" Type="http://schemas.openxmlformats.org/officeDocument/2006/relationships/image" Target="../media/image34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2" name="Groupe 11">
            <a:extLst>
              <a:ext uri="{FF2B5EF4-FFF2-40B4-BE49-F238E27FC236}">
                <a16:creationId xmlns:a16="http://schemas.microsoft.com/office/drawing/2014/main" id="{0301E8A2-349E-A846-9DA1-B92B781F2A80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854633" y="845023"/>
            <a:ext cx="1656847" cy="248179"/>
            <a:chOff x="3467326" y="-795980"/>
            <a:chExt cx="3311968" cy="496358"/>
          </a:xfrm>
        </p:grpSpPr>
        <p:sp>
          <p:nvSpPr>
            <p:cNvPr id="10" name="Forme libre : forme 9">
              <a:extLst>
                <a:ext uri="{FF2B5EF4-FFF2-40B4-BE49-F238E27FC236}">
                  <a16:creationId xmlns:a16="http://schemas.microsoft.com/office/drawing/2014/main" id="{F2776728-5396-6E23-5323-2C8D0A188784}"/>
                </a:ext>
              </a:extLst>
            </p:cNvPr>
            <p:cNvSpPr/>
            <p:nvPr/>
          </p:nvSpPr>
          <p:spPr>
            <a:xfrm>
              <a:off x="3467326" y="-795980"/>
              <a:ext cx="2782231" cy="496358"/>
            </a:xfrm>
            <a:custGeom>
              <a:avLst/>
              <a:gdLst>
                <a:gd name="connsiteX0" fmla="*/ 132478 w 2782231"/>
                <a:gd name="connsiteY0" fmla="*/ -13 h 496358"/>
                <a:gd name="connsiteX1" fmla="*/ 7 w 2782231"/>
                <a:gd name="connsiteY1" fmla="*/ -13 h 496358"/>
                <a:gd name="connsiteX2" fmla="*/ 7 w 2782231"/>
                <a:gd name="connsiteY2" fmla="*/ 132421 h 496358"/>
                <a:gd name="connsiteX3" fmla="*/ 132478 w 2782231"/>
                <a:gd name="connsiteY3" fmla="*/ 132421 h 496358"/>
                <a:gd name="connsiteX4" fmla="*/ 132478 w 2782231"/>
                <a:gd name="connsiteY4" fmla="*/ -13 h 496358"/>
                <a:gd name="connsiteX5" fmla="*/ 7 w 2782231"/>
                <a:gd name="connsiteY5" fmla="*/ 167096 h 496358"/>
                <a:gd name="connsiteX6" fmla="*/ 7 w 2782231"/>
                <a:gd name="connsiteY6" fmla="*/ 488484 h 496358"/>
                <a:gd name="connsiteX7" fmla="*/ 132478 w 2782231"/>
                <a:gd name="connsiteY7" fmla="*/ 488484 h 496358"/>
                <a:gd name="connsiteX8" fmla="*/ 132478 w 2782231"/>
                <a:gd name="connsiteY8" fmla="*/ 167096 h 496358"/>
                <a:gd name="connsiteX9" fmla="*/ 7 w 2782231"/>
                <a:gd name="connsiteY9" fmla="*/ 167096 h 496358"/>
                <a:gd name="connsiteX10" fmla="*/ 2645502 w 2782231"/>
                <a:gd name="connsiteY10" fmla="*/ 162015 h 496358"/>
                <a:gd name="connsiteX11" fmla="*/ 2488739 w 2782231"/>
                <a:gd name="connsiteY11" fmla="*/ 223912 h 496358"/>
                <a:gd name="connsiteX12" fmla="*/ 2368284 w 2782231"/>
                <a:gd name="connsiteY12" fmla="*/ 162015 h 496358"/>
                <a:gd name="connsiteX13" fmla="*/ 2223760 w 2782231"/>
                <a:gd name="connsiteY13" fmla="*/ 220871 h 496358"/>
                <a:gd name="connsiteX14" fmla="*/ 2223760 w 2782231"/>
                <a:gd name="connsiteY14" fmla="*/ 167096 h 496358"/>
                <a:gd name="connsiteX15" fmla="*/ 2091325 w 2782231"/>
                <a:gd name="connsiteY15" fmla="*/ 167096 h 496358"/>
                <a:gd name="connsiteX16" fmla="*/ 2091325 w 2782231"/>
                <a:gd name="connsiteY16" fmla="*/ 488446 h 496358"/>
                <a:gd name="connsiteX17" fmla="*/ 2223760 w 2782231"/>
                <a:gd name="connsiteY17" fmla="*/ 488484 h 496358"/>
                <a:gd name="connsiteX18" fmla="*/ 2223760 w 2782231"/>
                <a:gd name="connsiteY18" fmla="*/ 315069 h 496358"/>
                <a:gd name="connsiteX19" fmla="*/ 2310986 w 2782231"/>
                <a:gd name="connsiteY19" fmla="*/ 274386 h 496358"/>
                <a:gd name="connsiteX20" fmla="*/ 2372549 w 2782231"/>
                <a:gd name="connsiteY20" fmla="*/ 353082 h 496358"/>
                <a:gd name="connsiteX21" fmla="*/ 2372549 w 2782231"/>
                <a:gd name="connsiteY21" fmla="*/ 488484 h 496358"/>
                <a:gd name="connsiteX22" fmla="*/ 2504983 w 2782231"/>
                <a:gd name="connsiteY22" fmla="*/ 488484 h 496358"/>
                <a:gd name="connsiteX23" fmla="*/ 2504798 w 2782231"/>
                <a:gd name="connsiteY23" fmla="*/ 311695 h 496358"/>
                <a:gd name="connsiteX24" fmla="*/ 2588241 w 2782231"/>
                <a:gd name="connsiteY24" fmla="*/ 274386 h 496358"/>
                <a:gd name="connsiteX25" fmla="*/ 2649804 w 2782231"/>
                <a:gd name="connsiteY25" fmla="*/ 353082 h 496358"/>
                <a:gd name="connsiteX26" fmla="*/ 2649804 w 2782231"/>
                <a:gd name="connsiteY26" fmla="*/ 488484 h 496358"/>
                <a:gd name="connsiteX27" fmla="*/ 2782238 w 2782231"/>
                <a:gd name="connsiteY27" fmla="*/ 488484 h 496358"/>
                <a:gd name="connsiteX28" fmla="*/ 2782238 w 2782231"/>
                <a:gd name="connsiteY28" fmla="*/ 295265 h 496358"/>
                <a:gd name="connsiteX29" fmla="*/ 2645502 w 2782231"/>
                <a:gd name="connsiteY29" fmla="*/ 162015 h 496358"/>
                <a:gd name="connsiteX30" fmla="*/ 1890950 w 2782231"/>
                <a:gd name="connsiteY30" fmla="*/ 338693 h 496358"/>
                <a:gd name="connsiteX31" fmla="*/ 1788741 w 2782231"/>
                <a:gd name="connsiteY31" fmla="*/ 378931 h 496358"/>
                <a:gd name="connsiteX32" fmla="*/ 1711972 w 2782231"/>
                <a:gd name="connsiteY32" fmla="*/ 301088 h 496358"/>
                <a:gd name="connsiteX33" fmla="*/ 1711972 w 2782231"/>
                <a:gd name="connsiteY33" fmla="*/ 167096 h 496358"/>
                <a:gd name="connsiteX34" fmla="*/ 1579538 w 2782231"/>
                <a:gd name="connsiteY34" fmla="*/ 167096 h 496358"/>
                <a:gd name="connsiteX35" fmla="*/ 1579538 w 2782231"/>
                <a:gd name="connsiteY35" fmla="*/ 352971 h 496358"/>
                <a:gd name="connsiteX36" fmla="*/ 1737376 w 2782231"/>
                <a:gd name="connsiteY36" fmla="*/ 490115 h 496358"/>
                <a:gd name="connsiteX37" fmla="*/ 1890950 w 2782231"/>
                <a:gd name="connsiteY37" fmla="*/ 442460 h 496358"/>
                <a:gd name="connsiteX38" fmla="*/ 1890950 w 2782231"/>
                <a:gd name="connsiteY38" fmla="*/ 488484 h 496358"/>
                <a:gd name="connsiteX39" fmla="*/ 2023384 w 2782231"/>
                <a:gd name="connsiteY39" fmla="*/ 488484 h 496358"/>
                <a:gd name="connsiteX40" fmla="*/ 2023384 w 2782231"/>
                <a:gd name="connsiteY40" fmla="*/ 167096 h 496358"/>
                <a:gd name="connsiteX41" fmla="*/ 1890950 w 2782231"/>
                <a:gd name="connsiteY41" fmla="*/ 167096 h 496358"/>
                <a:gd name="connsiteX42" fmla="*/ 1890950 w 2782231"/>
                <a:gd name="connsiteY42" fmla="*/ 338693 h 496358"/>
                <a:gd name="connsiteX43" fmla="*/ 1009860 w 2782231"/>
                <a:gd name="connsiteY43" fmla="*/ 276648 h 496358"/>
                <a:gd name="connsiteX44" fmla="*/ 926972 w 2782231"/>
                <a:gd name="connsiteY44" fmla="*/ 244829 h 496358"/>
                <a:gd name="connsiteX45" fmla="*/ 845643 w 2782231"/>
                <a:gd name="connsiteY45" fmla="*/ 276648 h 496358"/>
                <a:gd name="connsiteX46" fmla="*/ 1009860 w 2782231"/>
                <a:gd name="connsiteY46" fmla="*/ 276648 h 496358"/>
                <a:gd name="connsiteX47" fmla="*/ 1148450 w 2782231"/>
                <a:gd name="connsiteY47" fmla="*/ 349559 h 496358"/>
                <a:gd name="connsiteX48" fmla="*/ 839078 w 2782231"/>
                <a:gd name="connsiteY48" fmla="*/ 349559 h 496358"/>
                <a:gd name="connsiteX49" fmla="*/ 922262 w 2782231"/>
                <a:gd name="connsiteY49" fmla="*/ 393061 h 496358"/>
                <a:gd name="connsiteX50" fmla="*/ 995915 w 2782231"/>
                <a:gd name="connsiteY50" fmla="*/ 381490 h 496358"/>
                <a:gd name="connsiteX51" fmla="*/ 1139994 w 2782231"/>
                <a:gd name="connsiteY51" fmla="*/ 381490 h 496358"/>
                <a:gd name="connsiteX52" fmla="*/ 922262 w 2782231"/>
                <a:gd name="connsiteY52" fmla="*/ 496346 h 496358"/>
                <a:gd name="connsiteX53" fmla="*/ 705828 w 2782231"/>
                <a:gd name="connsiteY53" fmla="*/ 327790 h 496358"/>
                <a:gd name="connsiteX54" fmla="*/ 927714 w 2782231"/>
                <a:gd name="connsiteY54" fmla="*/ 159197 h 496358"/>
                <a:gd name="connsiteX55" fmla="*/ 1148450 w 2782231"/>
                <a:gd name="connsiteY55" fmla="*/ 349559 h 496358"/>
                <a:gd name="connsiteX56" fmla="*/ 1387877 w 2782231"/>
                <a:gd name="connsiteY56" fmla="*/ 66222 h 496358"/>
                <a:gd name="connsiteX57" fmla="*/ 1255443 w 2782231"/>
                <a:gd name="connsiteY57" fmla="*/ 66222 h 496358"/>
                <a:gd name="connsiteX58" fmla="*/ 1255443 w 2782231"/>
                <a:gd name="connsiteY58" fmla="*/ 167096 h 496358"/>
                <a:gd name="connsiteX59" fmla="*/ 1184349 w 2782231"/>
                <a:gd name="connsiteY59" fmla="*/ 167096 h 496358"/>
                <a:gd name="connsiteX60" fmla="*/ 1184349 w 2782231"/>
                <a:gd name="connsiteY60" fmla="*/ 274460 h 496358"/>
                <a:gd name="connsiteX61" fmla="*/ 1255443 w 2782231"/>
                <a:gd name="connsiteY61" fmla="*/ 274460 h 496358"/>
                <a:gd name="connsiteX62" fmla="*/ 1255443 w 2782231"/>
                <a:gd name="connsiteY62" fmla="*/ 488484 h 496358"/>
                <a:gd name="connsiteX63" fmla="*/ 1520312 w 2782231"/>
                <a:gd name="connsiteY63" fmla="*/ 488484 h 496358"/>
                <a:gd name="connsiteX64" fmla="*/ 1520312 w 2782231"/>
                <a:gd name="connsiteY64" fmla="*/ 380749 h 496358"/>
                <a:gd name="connsiteX65" fmla="*/ 1387877 w 2782231"/>
                <a:gd name="connsiteY65" fmla="*/ 380749 h 496358"/>
                <a:gd name="connsiteX66" fmla="*/ 1387877 w 2782231"/>
                <a:gd name="connsiteY66" fmla="*/ 274460 h 496358"/>
                <a:gd name="connsiteX67" fmla="*/ 1520312 w 2782231"/>
                <a:gd name="connsiteY67" fmla="*/ 274460 h 496358"/>
                <a:gd name="connsiteX68" fmla="*/ 1520312 w 2782231"/>
                <a:gd name="connsiteY68" fmla="*/ 167096 h 496358"/>
                <a:gd name="connsiteX69" fmla="*/ 1387877 w 2782231"/>
                <a:gd name="connsiteY69" fmla="*/ 167096 h 496358"/>
                <a:gd name="connsiteX70" fmla="*/ 1387877 w 2782231"/>
                <a:gd name="connsiteY70" fmla="*/ 66222 h 496358"/>
                <a:gd name="connsiteX71" fmla="*/ 650607 w 2782231"/>
                <a:gd name="connsiteY71" fmla="*/ 307355 h 496358"/>
                <a:gd name="connsiteX72" fmla="*/ 650607 w 2782231"/>
                <a:gd name="connsiteY72" fmla="*/ 488484 h 496358"/>
                <a:gd name="connsiteX73" fmla="*/ 518173 w 2782231"/>
                <a:gd name="connsiteY73" fmla="*/ 488484 h 496358"/>
                <a:gd name="connsiteX74" fmla="*/ 518173 w 2782231"/>
                <a:gd name="connsiteY74" fmla="*/ 361019 h 496358"/>
                <a:gd name="connsiteX75" fmla="*/ 439365 w 2782231"/>
                <a:gd name="connsiteY75" fmla="*/ 279912 h 496358"/>
                <a:gd name="connsiteX76" fmla="*/ 332817 w 2782231"/>
                <a:gd name="connsiteY76" fmla="*/ 321856 h 496358"/>
                <a:gd name="connsiteX77" fmla="*/ 332817 w 2782231"/>
                <a:gd name="connsiteY77" fmla="*/ 488484 h 496358"/>
                <a:gd name="connsiteX78" fmla="*/ 200420 w 2782231"/>
                <a:gd name="connsiteY78" fmla="*/ 488484 h 496358"/>
                <a:gd name="connsiteX79" fmla="*/ 200420 w 2782231"/>
                <a:gd name="connsiteY79" fmla="*/ 167096 h 496358"/>
                <a:gd name="connsiteX80" fmla="*/ 332817 w 2782231"/>
                <a:gd name="connsiteY80" fmla="*/ 167096 h 496358"/>
                <a:gd name="connsiteX81" fmla="*/ 332817 w 2782231"/>
                <a:gd name="connsiteY81" fmla="*/ 213713 h 496358"/>
                <a:gd name="connsiteX82" fmla="*/ 492880 w 2782231"/>
                <a:gd name="connsiteY82" fmla="*/ 164018 h 496358"/>
                <a:gd name="connsiteX83" fmla="*/ 650607 w 2782231"/>
                <a:gd name="connsiteY83" fmla="*/ 307355 h 49635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</a:cxnLst>
              <a:rect l="l" t="t" r="r" b="b"/>
              <a:pathLst>
                <a:path w="2782231" h="496358">
                  <a:moveTo>
                    <a:pt x="132478" y="-13"/>
                  </a:moveTo>
                  <a:lnTo>
                    <a:pt x="7" y="-13"/>
                  </a:lnTo>
                  <a:lnTo>
                    <a:pt x="7" y="132421"/>
                  </a:lnTo>
                  <a:lnTo>
                    <a:pt x="132478" y="132421"/>
                  </a:lnTo>
                  <a:lnTo>
                    <a:pt x="132478" y="-13"/>
                  </a:lnTo>
                  <a:close/>
                  <a:moveTo>
                    <a:pt x="7" y="167096"/>
                  </a:moveTo>
                  <a:lnTo>
                    <a:pt x="7" y="488484"/>
                  </a:lnTo>
                  <a:lnTo>
                    <a:pt x="132478" y="488484"/>
                  </a:lnTo>
                  <a:lnTo>
                    <a:pt x="132478" y="167096"/>
                  </a:lnTo>
                  <a:lnTo>
                    <a:pt x="7" y="167096"/>
                  </a:lnTo>
                  <a:close/>
                  <a:moveTo>
                    <a:pt x="2645502" y="162015"/>
                  </a:moveTo>
                  <a:cubicBezTo>
                    <a:pt x="2567362" y="162015"/>
                    <a:pt x="2520856" y="186603"/>
                    <a:pt x="2488739" y="223912"/>
                  </a:cubicBezTo>
                  <a:cubicBezTo>
                    <a:pt x="2463595" y="176776"/>
                    <a:pt x="2408411" y="162015"/>
                    <a:pt x="2368284" y="162015"/>
                  </a:cubicBezTo>
                  <a:cubicBezTo>
                    <a:pt x="2290144" y="162015"/>
                    <a:pt x="2252130" y="194095"/>
                    <a:pt x="2223760" y="220871"/>
                  </a:cubicBezTo>
                  <a:lnTo>
                    <a:pt x="2223760" y="167096"/>
                  </a:lnTo>
                  <a:lnTo>
                    <a:pt x="2091325" y="167096"/>
                  </a:lnTo>
                  <a:lnTo>
                    <a:pt x="2091325" y="488446"/>
                  </a:lnTo>
                  <a:lnTo>
                    <a:pt x="2223760" y="488484"/>
                  </a:lnTo>
                  <a:lnTo>
                    <a:pt x="2223760" y="315069"/>
                  </a:lnTo>
                  <a:cubicBezTo>
                    <a:pt x="2251055" y="288330"/>
                    <a:pt x="2278350" y="274386"/>
                    <a:pt x="2310986" y="274386"/>
                  </a:cubicBezTo>
                  <a:cubicBezTo>
                    <a:pt x="2358085" y="274386"/>
                    <a:pt x="2372549" y="297936"/>
                    <a:pt x="2372549" y="353082"/>
                  </a:cubicBezTo>
                  <a:lnTo>
                    <a:pt x="2372549" y="488484"/>
                  </a:lnTo>
                  <a:lnTo>
                    <a:pt x="2504983" y="488484"/>
                  </a:lnTo>
                  <a:lnTo>
                    <a:pt x="2504798" y="311695"/>
                  </a:lnTo>
                  <a:cubicBezTo>
                    <a:pt x="2532093" y="284956"/>
                    <a:pt x="2555606" y="274386"/>
                    <a:pt x="2588241" y="274386"/>
                  </a:cubicBezTo>
                  <a:cubicBezTo>
                    <a:pt x="2635340" y="274386"/>
                    <a:pt x="2649804" y="297936"/>
                    <a:pt x="2649804" y="353082"/>
                  </a:cubicBezTo>
                  <a:lnTo>
                    <a:pt x="2649804" y="488484"/>
                  </a:lnTo>
                  <a:lnTo>
                    <a:pt x="2782238" y="488484"/>
                  </a:lnTo>
                  <a:lnTo>
                    <a:pt x="2782238" y="295265"/>
                  </a:lnTo>
                  <a:cubicBezTo>
                    <a:pt x="2782238" y="184490"/>
                    <a:pt x="2701724" y="162015"/>
                    <a:pt x="2645502" y="162015"/>
                  </a:cubicBezTo>
                  <a:moveTo>
                    <a:pt x="1890950" y="338693"/>
                  </a:moveTo>
                  <a:cubicBezTo>
                    <a:pt x="1866065" y="362502"/>
                    <a:pt x="1826346" y="378931"/>
                    <a:pt x="1788741" y="378931"/>
                  </a:cubicBezTo>
                  <a:cubicBezTo>
                    <a:pt x="1731554" y="378931"/>
                    <a:pt x="1711972" y="355641"/>
                    <a:pt x="1711972" y="301088"/>
                  </a:cubicBezTo>
                  <a:lnTo>
                    <a:pt x="1711972" y="167096"/>
                  </a:lnTo>
                  <a:lnTo>
                    <a:pt x="1579538" y="167096"/>
                  </a:lnTo>
                  <a:lnTo>
                    <a:pt x="1579538" y="352971"/>
                  </a:lnTo>
                  <a:cubicBezTo>
                    <a:pt x="1579538" y="467901"/>
                    <a:pt x="1665874" y="490115"/>
                    <a:pt x="1737376" y="490115"/>
                  </a:cubicBezTo>
                  <a:cubicBezTo>
                    <a:pt x="1804094" y="490115"/>
                    <a:pt x="1852825" y="468939"/>
                    <a:pt x="1890950" y="442460"/>
                  </a:cubicBezTo>
                  <a:lnTo>
                    <a:pt x="1890950" y="488484"/>
                  </a:lnTo>
                  <a:lnTo>
                    <a:pt x="2023384" y="488484"/>
                  </a:lnTo>
                  <a:lnTo>
                    <a:pt x="2023384" y="167096"/>
                  </a:lnTo>
                  <a:lnTo>
                    <a:pt x="1890950" y="167096"/>
                  </a:lnTo>
                  <a:lnTo>
                    <a:pt x="1890950" y="338693"/>
                  </a:lnTo>
                  <a:close/>
                  <a:moveTo>
                    <a:pt x="1009860" y="276648"/>
                  </a:moveTo>
                  <a:cubicBezTo>
                    <a:pt x="994580" y="254916"/>
                    <a:pt x="961796" y="244829"/>
                    <a:pt x="926972" y="244829"/>
                  </a:cubicBezTo>
                  <a:cubicBezTo>
                    <a:pt x="892148" y="244829"/>
                    <a:pt x="859735" y="254916"/>
                    <a:pt x="845643" y="276648"/>
                  </a:cubicBezTo>
                  <a:lnTo>
                    <a:pt x="1009860" y="276648"/>
                  </a:lnTo>
                  <a:close/>
                  <a:moveTo>
                    <a:pt x="1148450" y="349559"/>
                  </a:moveTo>
                  <a:lnTo>
                    <a:pt x="839078" y="349559"/>
                  </a:lnTo>
                  <a:cubicBezTo>
                    <a:pt x="849945" y="384346"/>
                    <a:pt x="886363" y="393061"/>
                    <a:pt x="922262" y="393061"/>
                  </a:cubicBezTo>
                  <a:cubicBezTo>
                    <a:pt x="957605" y="393061"/>
                    <a:pt x="977150" y="391244"/>
                    <a:pt x="995915" y="381490"/>
                  </a:cubicBezTo>
                  <a:lnTo>
                    <a:pt x="1139994" y="381490"/>
                  </a:lnTo>
                  <a:cubicBezTo>
                    <a:pt x="1119041" y="458629"/>
                    <a:pt x="1049282" y="496346"/>
                    <a:pt x="922262" y="496346"/>
                  </a:cubicBezTo>
                  <a:cubicBezTo>
                    <a:pt x="794464" y="496346"/>
                    <a:pt x="705828" y="448505"/>
                    <a:pt x="705828" y="327790"/>
                  </a:cubicBezTo>
                  <a:cubicBezTo>
                    <a:pt x="705828" y="207075"/>
                    <a:pt x="794464" y="159197"/>
                    <a:pt x="927714" y="159197"/>
                  </a:cubicBezTo>
                  <a:cubicBezTo>
                    <a:pt x="1062040" y="159197"/>
                    <a:pt x="1148450" y="207075"/>
                    <a:pt x="1148450" y="349559"/>
                  </a:cubicBezTo>
                  <a:moveTo>
                    <a:pt x="1387877" y="66222"/>
                  </a:moveTo>
                  <a:lnTo>
                    <a:pt x="1255443" y="66222"/>
                  </a:lnTo>
                  <a:lnTo>
                    <a:pt x="1255443" y="167096"/>
                  </a:lnTo>
                  <a:lnTo>
                    <a:pt x="1184349" y="167096"/>
                  </a:lnTo>
                  <a:lnTo>
                    <a:pt x="1184349" y="274460"/>
                  </a:lnTo>
                  <a:lnTo>
                    <a:pt x="1255443" y="274460"/>
                  </a:lnTo>
                  <a:lnTo>
                    <a:pt x="1255443" y="488484"/>
                  </a:lnTo>
                  <a:lnTo>
                    <a:pt x="1520312" y="488484"/>
                  </a:lnTo>
                  <a:lnTo>
                    <a:pt x="1520312" y="380749"/>
                  </a:lnTo>
                  <a:lnTo>
                    <a:pt x="1387877" y="380749"/>
                  </a:lnTo>
                  <a:lnTo>
                    <a:pt x="1387877" y="274460"/>
                  </a:lnTo>
                  <a:lnTo>
                    <a:pt x="1520312" y="274460"/>
                  </a:lnTo>
                  <a:lnTo>
                    <a:pt x="1520312" y="167096"/>
                  </a:lnTo>
                  <a:lnTo>
                    <a:pt x="1387877" y="167096"/>
                  </a:lnTo>
                  <a:lnTo>
                    <a:pt x="1387877" y="66222"/>
                  </a:lnTo>
                  <a:close/>
                  <a:moveTo>
                    <a:pt x="650607" y="307355"/>
                  </a:moveTo>
                  <a:lnTo>
                    <a:pt x="650607" y="488484"/>
                  </a:lnTo>
                  <a:lnTo>
                    <a:pt x="518173" y="488484"/>
                  </a:lnTo>
                  <a:lnTo>
                    <a:pt x="518173" y="361019"/>
                  </a:lnTo>
                  <a:cubicBezTo>
                    <a:pt x="518173" y="304203"/>
                    <a:pt x="498925" y="279912"/>
                    <a:pt x="439365" y="279912"/>
                  </a:cubicBezTo>
                  <a:cubicBezTo>
                    <a:pt x="400165" y="279912"/>
                    <a:pt x="358777" y="297046"/>
                    <a:pt x="332817" y="321856"/>
                  </a:cubicBezTo>
                  <a:lnTo>
                    <a:pt x="332817" y="488484"/>
                  </a:lnTo>
                  <a:lnTo>
                    <a:pt x="200420" y="488484"/>
                  </a:lnTo>
                  <a:lnTo>
                    <a:pt x="200420" y="167096"/>
                  </a:lnTo>
                  <a:lnTo>
                    <a:pt x="332817" y="167096"/>
                  </a:lnTo>
                  <a:lnTo>
                    <a:pt x="332817" y="213713"/>
                  </a:lnTo>
                  <a:cubicBezTo>
                    <a:pt x="372573" y="186084"/>
                    <a:pt x="423344" y="164018"/>
                    <a:pt x="492880" y="164018"/>
                  </a:cubicBezTo>
                  <a:cubicBezTo>
                    <a:pt x="567386" y="164018"/>
                    <a:pt x="650607" y="187605"/>
                    <a:pt x="650607" y="307355"/>
                  </a:cubicBezTo>
                </a:path>
              </a:pathLst>
            </a:custGeom>
            <a:solidFill>
              <a:schemeClr val="bg1"/>
            </a:solidFill>
            <a:ln w="37036" cap="flat">
              <a:noFill/>
              <a:prstDash val="solid"/>
              <a:round/>
            </a:ln>
          </p:spPr>
          <p:txBody>
            <a:bodyPr rtlCol="0" anchor="ctr"/>
            <a:lstStyle/>
            <a:p>
              <a:endParaRPr lang="fr-FR" sz="900">
                <a:solidFill>
                  <a:schemeClr val="bg1"/>
                </a:solidFill>
              </a:endParaRPr>
            </a:p>
          </p:txBody>
        </p:sp>
        <p:sp>
          <p:nvSpPr>
            <p:cNvPr id="11" name="Forme libre : forme 10">
              <a:extLst>
                <a:ext uri="{FF2B5EF4-FFF2-40B4-BE49-F238E27FC236}">
                  <a16:creationId xmlns:a16="http://schemas.microsoft.com/office/drawing/2014/main" id="{C150C995-FF95-FEC9-BE0A-C9B78DFB3DD4}"/>
                </a:ext>
              </a:extLst>
            </p:cNvPr>
            <p:cNvSpPr/>
            <p:nvPr/>
          </p:nvSpPr>
          <p:spPr>
            <a:xfrm>
              <a:off x="6381992" y="-704674"/>
              <a:ext cx="397302" cy="397339"/>
            </a:xfrm>
            <a:custGeom>
              <a:avLst/>
              <a:gdLst>
                <a:gd name="connsiteX0" fmla="*/ 132487 w 397302"/>
                <a:gd name="connsiteY0" fmla="*/ 264895 h 397339"/>
                <a:gd name="connsiteX1" fmla="*/ 53 w 397302"/>
                <a:gd name="connsiteY1" fmla="*/ 264895 h 397339"/>
                <a:gd name="connsiteX2" fmla="*/ 53 w 397302"/>
                <a:gd name="connsiteY2" fmla="*/ 397330 h 397339"/>
                <a:gd name="connsiteX3" fmla="*/ 132487 w 397302"/>
                <a:gd name="connsiteY3" fmla="*/ 397330 h 397339"/>
                <a:gd name="connsiteX4" fmla="*/ 132487 w 397302"/>
                <a:gd name="connsiteY4" fmla="*/ 264895 h 397339"/>
                <a:gd name="connsiteX5" fmla="*/ 132487 w 397302"/>
                <a:gd name="connsiteY5" fmla="*/ -10 h 397339"/>
                <a:gd name="connsiteX6" fmla="*/ 132487 w 397302"/>
                <a:gd name="connsiteY6" fmla="*/ 132461 h 397339"/>
                <a:gd name="connsiteX7" fmla="*/ 264922 w 397302"/>
                <a:gd name="connsiteY7" fmla="*/ 132461 h 397339"/>
                <a:gd name="connsiteX8" fmla="*/ 264922 w 397302"/>
                <a:gd name="connsiteY8" fmla="*/ 264895 h 397339"/>
                <a:gd name="connsiteX9" fmla="*/ 397356 w 397302"/>
                <a:gd name="connsiteY9" fmla="*/ 264895 h 397339"/>
                <a:gd name="connsiteX10" fmla="*/ 397356 w 397302"/>
                <a:gd name="connsiteY10" fmla="*/ -10 h 397339"/>
                <a:gd name="connsiteX11" fmla="*/ 132487 w 397302"/>
                <a:gd name="connsiteY11" fmla="*/ -10 h 3973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397302" h="397339">
                  <a:moveTo>
                    <a:pt x="132487" y="264895"/>
                  </a:moveTo>
                  <a:lnTo>
                    <a:pt x="53" y="264895"/>
                  </a:lnTo>
                  <a:lnTo>
                    <a:pt x="53" y="397330"/>
                  </a:lnTo>
                  <a:lnTo>
                    <a:pt x="132487" y="397330"/>
                  </a:lnTo>
                  <a:lnTo>
                    <a:pt x="132487" y="264895"/>
                  </a:lnTo>
                  <a:close/>
                  <a:moveTo>
                    <a:pt x="132487" y="-10"/>
                  </a:moveTo>
                  <a:lnTo>
                    <a:pt x="132487" y="132461"/>
                  </a:lnTo>
                  <a:lnTo>
                    <a:pt x="264922" y="132461"/>
                  </a:lnTo>
                  <a:lnTo>
                    <a:pt x="264922" y="264895"/>
                  </a:lnTo>
                  <a:lnTo>
                    <a:pt x="397356" y="264895"/>
                  </a:lnTo>
                  <a:lnTo>
                    <a:pt x="397356" y="-10"/>
                  </a:lnTo>
                  <a:lnTo>
                    <a:pt x="132487" y="-10"/>
                  </a:lnTo>
                  <a:close/>
                </a:path>
              </a:pathLst>
            </a:custGeom>
            <a:solidFill>
              <a:schemeClr val="accent3"/>
            </a:solidFill>
            <a:ln w="37036" cap="flat">
              <a:noFill/>
              <a:prstDash val="solid"/>
              <a:round/>
            </a:ln>
          </p:spPr>
          <p:txBody>
            <a:bodyPr rtlCol="0" anchor="ctr"/>
            <a:lstStyle/>
            <a:p>
              <a:endParaRPr lang="fr-FR" sz="900"/>
            </a:p>
          </p:txBody>
        </p:sp>
      </p:grpSp>
      <p:grpSp>
        <p:nvGrpSpPr>
          <p:cNvPr id="14" name="Graphique 23">
            <a:extLst>
              <a:ext uri="{FF2B5EF4-FFF2-40B4-BE49-F238E27FC236}">
                <a16:creationId xmlns:a16="http://schemas.microsoft.com/office/drawing/2014/main" id="{97BFD222-124C-FAB7-2BC7-B8D841443986}"/>
              </a:ext>
            </a:extLst>
          </p:cNvPr>
          <p:cNvGrpSpPr/>
          <p:nvPr/>
        </p:nvGrpSpPr>
        <p:grpSpPr>
          <a:xfrm>
            <a:off x="47663" y="449157"/>
            <a:ext cx="12141410" cy="6408836"/>
            <a:chOff x="47663" y="449157"/>
            <a:chExt cx="12141410" cy="6408836"/>
          </a:xfrm>
        </p:grpSpPr>
        <p:sp>
          <p:nvSpPr>
            <p:cNvPr id="15" name="Forme libre : forme 14">
              <a:extLst>
                <a:ext uri="{FF2B5EF4-FFF2-40B4-BE49-F238E27FC236}">
                  <a16:creationId xmlns:a16="http://schemas.microsoft.com/office/drawing/2014/main" id="{604BD02D-1C60-0142-28DB-08E67432739C}"/>
                </a:ext>
              </a:extLst>
            </p:cNvPr>
            <p:cNvSpPr/>
            <p:nvPr/>
          </p:nvSpPr>
          <p:spPr>
            <a:xfrm rot="10800000" flipV="1">
              <a:off x="47663" y="4714760"/>
              <a:ext cx="423627" cy="423407"/>
            </a:xfrm>
            <a:custGeom>
              <a:avLst/>
              <a:gdLst>
                <a:gd name="connsiteX0" fmla="*/ 49 w 423627"/>
                <a:gd name="connsiteY0" fmla="*/ 1111 h 423407"/>
                <a:gd name="connsiteX1" fmla="*/ 423676 w 423627"/>
                <a:gd name="connsiteY1" fmla="*/ 1111 h 423407"/>
                <a:gd name="connsiteX2" fmla="*/ 423676 w 423627"/>
                <a:gd name="connsiteY2" fmla="*/ 424518 h 423407"/>
                <a:gd name="connsiteX3" fmla="*/ 49 w 423627"/>
                <a:gd name="connsiteY3" fmla="*/ 424518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49" y="1111"/>
                  </a:moveTo>
                  <a:lnTo>
                    <a:pt x="423676" y="1111"/>
                  </a:lnTo>
                  <a:lnTo>
                    <a:pt x="423676" y="424518"/>
                  </a:lnTo>
                  <a:lnTo>
                    <a:pt x="49" y="424518"/>
                  </a:lnTo>
                  <a:close/>
                </a:path>
              </a:pathLst>
            </a:custGeom>
            <a:noFill/>
            <a:ln w="9486" cap="flat">
              <a:solidFill>
                <a:srgbClr val="FFFFF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16" name="Forme libre : forme 15">
              <a:extLst>
                <a:ext uri="{FF2B5EF4-FFF2-40B4-BE49-F238E27FC236}">
                  <a16:creationId xmlns:a16="http://schemas.microsoft.com/office/drawing/2014/main" id="{42539AE5-952E-3DF6-55B2-7A361E7F325E}"/>
                </a:ext>
              </a:extLst>
            </p:cNvPr>
            <p:cNvSpPr/>
            <p:nvPr/>
          </p:nvSpPr>
          <p:spPr>
            <a:xfrm rot="10800000" flipV="1">
              <a:off x="901299" y="3804755"/>
              <a:ext cx="423627" cy="423407"/>
            </a:xfrm>
            <a:custGeom>
              <a:avLst/>
              <a:gdLst>
                <a:gd name="connsiteX0" fmla="*/ 184 w 423627"/>
                <a:gd name="connsiteY0" fmla="*/ 679 h 423407"/>
                <a:gd name="connsiteX1" fmla="*/ 423811 w 423627"/>
                <a:gd name="connsiteY1" fmla="*/ 679 h 423407"/>
                <a:gd name="connsiteX2" fmla="*/ 423811 w 423627"/>
                <a:gd name="connsiteY2" fmla="*/ 424086 h 423407"/>
                <a:gd name="connsiteX3" fmla="*/ 184 w 423627"/>
                <a:gd name="connsiteY3" fmla="*/ 424086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84" y="679"/>
                  </a:moveTo>
                  <a:lnTo>
                    <a:pt x="423811" y="679"/>
                  </a:lnTo>
                  <a:lnTo>
                    <a:pt x="423811" y="424086"/>
                  </a:lnTo>
                  <a:lnTo>
                    <a:pt x="184" y="424086"/>
                  </a:lnTo>
                  <a:close/>
                </a:path>
              </a:pathLst>
            </a:custGeom>
            <a:solidFill>
              <a:srgbClr val="C4F6EF"/>
            </a:solidFill>
            <a:ln w="632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17" name="Forme libre : forme 16">
              <a:extLst>
                <a:ext uri="{FF2B5EF4-FFF2-40B4-BE49-F238E27FC236}">
                  <a16:creationId xmlns:a16="http://schemas.microsoft.com/office/drawing/2014/main" id="{800B791B-F537-CB65-F388-7BF50DC124BF}"/>
                </a:ext>
              </a:extLst>
            </p:cNvPr>
            <p:cNvSpPr/>
            <p:nvPr/>
          </p:nvSpPr>
          <p:spPr>
            <a:xfrm rot="10800000" flipV="1">
              <a:off x="10492748" y="449157"/>
              <a:ext cx="423627" cy="423407"/>
            </a:xfrm>
            <a:custGeom>
              <a:avLst/>
              <a:gdLst>
                <a:gd name="connsiteX0" fmla="*/ 1700 w 423627"/>
                <a:gd name="connsiteY0" fmla="*/ -913 h 423407"/>
                <a:gd name="connsiteX1" fmla="*/ 425328 w 423627"/>
                <a:gd name="connsiteY1" fmla="*/ -913 h 423407"/>
                <a:gd name="connsiteX2" fmla="*/ 425328 w 423627"/>
                <a:gd name="connsiteY2" fmla="*/ 422494 h 423407"/>
                <a:gd name="connsiteX3" fmla="*/ 1700 w 423627"/>
                <a:gd name="connsiteY3" fmla="*/ 422494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700" y="-913"/>
                  </a:moveTo>
                  <a:lnTo>
                    <a:pt x="425328" y="-913"/>
                  </a:lnTo>
                  <a:lnTo>
                    <a:pt x="425328" y="422494"/>
                  </a:lnTo>
                  <a:lnTo>
                    <a:pt x="1700" y="422494"/>
                  </a:lnTo>
                  <a:close/>
                </a:path>
              </a:pathLst>
            </a:custGeom>
            <a:solidFill>
              <a:srgbClr val="C4F6EF"/>
            </a:solidFill>
            <a:ln w="632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19" name="Forme libre : forme 18">
              <a:extLst>
                <a:ext uri="{FF2B5EF4-FFF2-40B4-BE49-F238E27FC236}">
                  <a16:creationId xmlns:a16="http://schemas.microsoft.com/office/drawing/2014/main" id="{90B25987-3B64-3D76-39D7-D65250F9ECAF}"/>
                </a:ext>
              </a:extLst>
            </p:cNvPr>
            <p:cNvSpPr/>
            <p:nvPr/>
          </p:nvSpPr>
          <p:spPr>
            <a:xfrm rot="10800000" flipV="1">
              <a:off x="11342141" y="5580617"/>
              <a:ext cx="423627" cy="423407"/>
            </a:xfrm>
            <a:custGeom>
              <a:avLst/>
              <a:gdLst>
                <a:gd name="connsiteX0" fmla="*/ 1834 w 423627"/>
                <a:gd name="connsiteY0" fmla="*/ 1522 h 423407"/>
                <a:gd name="connsiteX1" fmla="*/ 425462 w 423627"/>
                <a:gd name="connsiteY1" fmla="*/ 1522 h 423407"/>
                <a:gd name="connsiteX2" fmla="*/ 425462 w 423627"/>
                <a:gd name="connsiteY2" fmla="*/ 424929 h 423407"/>
                <a:gd name="connsiteX3" fmla="*/ 1834 w 423627"/>
                <a:gd name="connsiteY3" fmla="*/ 424929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834" y="1522"/>
                  </a:moveTo>
                  <a:lnTo>
                    <a:pt x="425462" y="1522"/>
                  </a:lnTo>
                  <a:lnTo>
                    <a:pt x="425462" y="424929"/>
                  </a:lnTo>
                  <a:lnTo>
                    <a:pt x="1834" y="424929"/>
                  </a:lnTo>
                  <a:close/>
                </a:path>
              </a:pathLst>
            </a:custGeom>
            <a:noFill/>
            <a:ln w="9486" cap="flat">
              <a:solidFill>
                <a:srgbClr val="FFFFF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20" name="Forme libre : forme 19">
              <a:extLst>
                <a:ext uri="{FF2B5EF4-FFF2-40B4-BE49-F238E27FC236}">
                  <a16:creationId xmlns:a16="http://schemas.microsoft.com/office/drawing/2014/main" id="{93D88D03-9F74-E12C-74E6-6725BA21C87C}"/>
                </a:ext>
              </a:extLst>
            </p:cNvPr>
            <p:cNvSpPr/>
            <p:nvPr/>
          </p:nvSpPr>
          <p:spPr>
            <a:xfrm rot="10800000" flipV="1">
              <a:off x="11765446" y="6434586"/>
              <a:ext cx="423627" cy="423407"/>
            </a:xfrm>
            <a:custGeom>
              <a:avLst/>
              <a:gdLst>
                <a:gd name="connsiteX0" fmla="*/ 1902 w 423627"/>
                <a:gd name="connsiteY0" fmla="*/ 1928 h 423407"/>
                <a:gd name="connsiteX1" fmla="*/ 425529 w 423627"/>
                <a:gd name="connsiteY1" fmla="*/ 1928 h 423407"/>
                <a:gd name="connsiteX2" fmla="*/ 425529 w 423627"/>
                <a:gd name="connsiteY2" fmla="*/ 425335 h 423407"/>
                <a:gd name="connsiteX3" fmla="*/ 1902 w 423627"/>
                <a:gd name="connsiteY3" fmla="*/ 425335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902" y="1928"/>
                  </a:moveTo>
                  <a:lnTo>
                    <a:pt x="425529" y="1928"/>
                  </a:lnTo>
                  <a:lnTo>
                    <a:pt x="425529" y="425335"/>
                  </a:lnTo>
                  <a:lnTo>
                    <a:pt x="1902" y="425335"/>
                  </a:lnTo>
                  <a:close/>
                </a:path>
              </a:pathLst>
            </a:custGeom>
            <a:solidFill>
              <a:srgbClr val="C4F6EF"/>
            </a:solidFill>
            <a:ln w="632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21" name="Forme libre : forme 20">
              <a:extLst>
                <a:ext uri="{FF2B5EF4-FFF2-40B4-BE49-F238E27FC236}">
                  <a16:creationId xmlns:a16="http://schemas.microsoft.com/office/drawing/2014/main" id="{534DD545-6CB0-5142-F692-CE4A45ECC255}"/>
                </a:ext>
              </a:extLst>
            </p:cNvPr>
            <p:cNvSpPr/>
            <p:nvPr/>
          </p:nvSpPr>
          <p:spPr>
            <a:xfrm rot="10800000" flipV="1">
              <a:off x="11765446" y="5154701"/>
              <a:ext cx="423627" cy="423407"/>
            </a:xfrm>
            <a:custGeom>
              <a:avLst/>
              <a:gdLst>
                <a:gd name="connsiteX0" fmla="*/ 1902 w 423627"/>
                <a:gd name="connsiteY0" fmla="*/ 1320 h 423407"/>
                <a:gd name="connsiteX1" fmla="*/ 425529 w 423627"/>
                <a:gd name="connsiteY1" fmla="*/ 1320 h 423407"/>
                <a:gd name="connsiteX2" fmla="*/ 425529 w 423627"/>
                <a:gd name="connsiteY2" fmla="*/ 424727 h 423407"/>
                <a:gd name="connsiteX3" fmla="*/ 1902 w 423627"/>
                <a:gd name="connsiteY3" fmla="*/ 424727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902" y="1320"/>
                  </a:moveTo>
                  <a:lnTo>
                    <a:pt x="425529" y="1320"/>
                  </a:lnTo>
                  <a:lnTo>
                    <a:pt x="425529" y="424727"/>
                  </a:lnTo>
                  <a:lnTo>
                    <a:pt x="1902" y="424727"/>
                  </a:lnTo>
                  <a:close/>
                </a:path>
              </a:pathLst>
            </a:custGeom>
            <a:solidFill>
              <a:srgbClr val="C4F6EF"/>
            </a:solidFill>
            <a:ln w="632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26" name="Forme libre : forme 25">
              <a:extLst>
                <a:ext uri="{FF2B5EF4-FFF2-40B4-BE49-F238E27FC236}">
                  <a16:creationId xmlns:a16="http://schemas.microsoft.com/office/drawing/2014/main" id="{8001BD5B-2B9C-DE02-B49A-2F3B948A0A6B}"/>
                </a:ext>
              </a:extLst>
            </p:cNvPr>
            <p:cNvSpPr/>
            <p:nvPr userDrawn="1"/>
          </p:nvSpPr>
          <p:spPr>
            <a:xfrm rot="10800000" flipV="1">
              <a:off x="9644560" y="2151445"/>
              <a:ext cx="423627" cy="423407"/>
            </a:xfrm>
            <a:custGeom>
              <a:avLst/>
              <a:gdLst>
                <a:gd name="connsiteX0" fmla="*/ 1499 w 423627"/>
                <a:gd name="connsiteY0" fmla="*/ 301 h 423407"/>
                <a:gd name="connsiteX1" fmla="*/ 425127 w 423627"/>
                <a:gd name="connsiteY1" fmla="*/ 301 h 423407"/>
                <a:gd name="connsiteX2" fmla="*/ 425127 w 423627"/>
                <a:gd name="connsiteY2" fmla="*/ 423709 h 423407"/>
                <a:gd name="connsiteX3" fmla="*/ 1499 w 423627"/>
                <a:gd name="connsiteY3" fmla="*/ 423709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499" y="301"/>
                  </a:moveTo>
                  <a:lnTo>
                    <a:pt x="425127" y="301"/>
                  </a:lnTo>
                  <a:lnTo>
                    <a:pt x="425127" y="423709"/>
                  </a:lnTo>
                  <a:lnTo>
                    <a:pt x="1499" y="423709"/>
                  </a:lnTo>
                  <a:close/>
                </a:path>
              </a:pathLst>
            </a:custGeom>
            <a:noFill/>
            <a:ln w="9486" cap="flat">
              <a:solidFill>
                <a:srgbClr val="FFFFF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</p:grpSp>
      <p:sp>
        <p:nvSpPr>
          <p:cNvPr id="25" name="Titre 24">
            <a:extLst>
              <a:ext uri="{FF2B5EF4-FFF2-40B4-BE49-F238E27FC236}">
                <a16:creationId xmlns:a16="http://schemas.microsoft.com/office/drawing/2014/main" id="{9E990B4C-482D-4A79-8A53-D8F7930188C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26994" y="3025866"/>
            <a:ext cx="6128281" cy="886846"/>
          </a:xfrm>
        </p:spPr>
        <p:txBody>
          <a:bodyPr wrap="none"/>
          <a:lstStyle>
            <a:lvl1pPr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defRPr sz="6915" b="0">
                <a:ln w="21590">
                  <a:solidFill>
                    <a:srgbClr val="C4F6EF"/>
                  </a:solidFill>
                </a:ln>
                <a:noFill/>
                <a:latin typeface="Poppins ExtraBold" panose="00000900000000000000" pitchFamily="2" charset="0"/>
                <a:cs typeface="Poppins ExtraBold" panose="00000900000000000000" pitchFamily="2" charset="0"/>
              </a:defRPr>
            </a:lvl1pPr>
          </a:lstStyle>
          <a:p>
            <a:r>
              <a:rPr lang="fr-FR" err="1"/>
              <a:t>Presentation</a:t>
            </a:r>
            <a:endParaRPr lang="fr-FR"/>
          </a:p>
        </p:txBody>
      </p:sp>
      <p:sp>
        <p:nvSpPr>
          <p:cNvPr id="3" name="Sous-titre 2">
            <a:extLst>
              <a:ext uri="{FF2B5EF4-FFF2-40B4-BE49-F238E27FC236}">
                <a16:creationId xmlns:a16="http://schemas.microsoft.com/office/drawing/2014/main" id="{F867A056-027C-65E7-A29B-451EA617088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637326" y="3904253"/>
            <a:ext cx="3381936" cy="886846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lang="fr-FR" sz="6915" b="0" kern="1200" smtClean="0">
                <a:ln w="21590">
                  <a:noFill/>
                </a:ln>
                <a:solidFill>
                  <a:srgbClr val="C4F6EF"/>
                </a:solidFill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  <a:lvl2pPr marL="228600" indent="0" algn="ctr">
              <a:buNone/>
              <a:defRPr sz="1000"/>
            </a:lvl2pPr>
            <a:lvl3pPr marL="457200" indent="0" algn="ctr">
              <a:buNone/>
              <a:defRPr sz="900"/>
            </a:lvl3pPr>
            <a:lvl4pPr marL="685800" indent="0" algn="ctr">
              <a:buNone/>
              <a:defRPr sz="800"/>
            </a:lvl4pPr>
            <a:lvl5pPr marL="914400" indent="0" algn="ctr">
              <a:buNone/>
              <a:defRPr sz="800"/>
            </a:lvl5pPr>
            <a:lvl6pPr marL="1143000" indent="0" algn="ctr">
              <a:buNone/>
              <a:defRPr sz="800"/>
            </a:lvl6pPr>
            <a:lvl7pPr marL="1371600" indent="0" algn="ctr">
              <a:buNone/>
              <a:defRPr sz="800"/>
            </a:lvl7pPr>
            <a:lvl8pPr marL="1600200" indent="0" algn="ctr">
              <a:buNone/>
              <a:defRPr sz="800"/>
            </a:lvl8pPr>
            <a:lvl9pPr marL="1828800" indent="0" algn="ctr">
              <a:buNone/>
              <a:defRPr sz="800"/>
            </a:lvl9pPr>
          </a:lstStyle>
          <a:p>
            <a:r>
              <a:rPr lang="fr-FR" err="1"/>
              <a:t>Title</a:t>
            </a:r>
            <a:endParaRPr lang="fr-FR"/>
          </a:p>
        </p:txBody>
      </p:sp>
      <p:sp>
        <p:nvSpPr>
          <p:cNvPr id="2" name="Espace réservé du texte 26">
            <a:extLst>
              <a:ext uri="{FF2B5EF4-FFF2-40B4-BE49-F238E27FC236}">
                <a16:creationId xmlns:a16="http://schemas.microsoft.com/office/drawing/2014/main" id="{258CA657-B28E-86D7-DC4D-5F29FBD25A4D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637326" y="5152792"/>
            <a:ext cx="5731876" cy="228717"/>
          </a:xfrm>
        </p:spPr>
        <p:txBody>
          <a:bodyPr/>
          <a:lstStyle>
            <a:lvl1pPr>
              <a:defRPr sz="1500">
                <a:solidFill>
                  <a:schemeClr val="bg1"/>
                </a:solidFill>
                <a:latin typeface="Poppins Medium" panose="00000600000000000000" pitchFamily="2" charset="0"/>
                <a:cs typeface="Poppins Medium" panose="00000600000000000000" pitchFamily="2" charset="0"/>
              </a:defRPr>
            </a:lvl1pPr>
            <a:lvl2pPr marL="108000" indent="0">
              <a:buNone/>
              <a:defRPr/>
            </a:lvl2pPr>
          </a:lstStyle>
          <a:p>
            <a:pPr lvl="0"/>
            <a:r>
              <a:rPr lang="fr-FR"/>
              <a:t>Subtitle – Date - Location</a:t>
            </a:r>
          </a:p>
        </p:txBody>
      </p:sp>
      <p:grpSp>
        <p:nvGrpSpPr>
          <p:cNvPr id="8" name="Groupe 7">
            <a:extLst>
              <a:ext uri="{FF2B5EF4-FFF2-40B4-BE49-F238E27FC236}">
                <a16:creationId xmlns:a16="http://schemas.microsoft.com/office/drawing/2014/main" id="{C26C69CD-3A72-B8EC-ECB7-949681791213}"/>
              </a:ext>
            </a:extLst>
          </p:cNvPr>
          <p:cNvGrpSpPr/>
          <p:nvPr userDrawn="1"/>
        </p:nvGrpSpPr>
        <p:grpSpPr>
          <a:xfrm>
            <a:off x="2721269" y="2062842"/>
            <a:ext cx="422797" cy="4801809"/>
            <a:chOff x="5889011" y="3523014"/>
            <a:chExt cx="423365" cy="4810766"/>
          </a:xfrm>
        </p:grpSpPr>
        <p:cxnSp>
          <p:nvCxnSpPr>
            <p:cNvPr id="4" name="Connecteur droit 3">
              <a:extLst>
                <a:ext uri="{FF2B5EF4-FFF2-40B4-BE49-F238E27FC236}">
                  <a16:creationId xmlns:a16="http://schemas.microsoft.com/office/drawing/2014/main" id="{1712B014-7B07-8CA4-8E0B-7479AB9CD66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171255" y="3523014"/>
              <a:ext cx="0" cy="4810766"/>
            </a:xfrm>
            <a:prstGeom prst="line">
              <a:avLst/>
            </a:prstGeom>
            <a:ln w="76200">
              <a:solidFill>
                <a:schemeClr val="bg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" name="Connecteur droit 4">
              <a:extLst>
                <a:ext uri="{FF2B5EF4-FFF2-40B4-BE49-F238E27FC236}">
                  <a16:creationId xmlns:a16="http://schemas.microsoft.com/office/drawing/2014/main" id="{78D55CF3-5B48-A673-6822-C94B2C72221B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030133" y="3899272"/>
              <a:ext cx="0" cy="4427844"/>
            </a:xfrm>
            <a:prstGeom prst="line">
              <a:avLst/>
            </a:prstGeom>
            <a:ln w="76200">
              <a:solidFill>
                <a:schemeClr val="bg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" name="Connecteur droit 5">
              <a:extLst>
                <a:ext uri="{FF2B5EF4-FFF2-40B4-BE49-F238E27FC236}">
                  <a16:creationId xmlns:a16="http://schemas.microsoft.com/office/drawing/2014/main" id="{652758B3-2A55-1A5C-748B-3DAD0B8138C6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312376" y="4187941"/>
              <a:ext cx="0" cy="4143259"/>
            </a:xfrm>
            <a:prstGeom prst="line">
              <a:avLst/>
            </a:prstGeom>
            <a:ln w="76200">
              <a:solidFill>
                <a:schemeClr val="bg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Connecteur droit 6">
              <a:extLst>
                <a:ext uri="{FF2B5EF4-FFF2-40B4-BE49-F238E27FC236}">
                  <a16:creationId xmlns:a16="http://schemas.microsoft.com/office/drawing/2014/main" id="{792FE343-9A13-58AD-738E-ED339A906093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5889011" y="4181521"/>
              <a:ext cx="0" cy="4149679"/>
            </a:xfrm>
            <a:prstGeom prst="line">
              <a:avLst/>
            </a:prstGeom>
            <a:ln w="76200">
              <a:solidFill>
                <a:srgbClr val="58DAC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9" name="Espace réservé du numéro de diapositive 8">
            <a:extLst>
              <a:ext uri="{FF2B5EF4-FFF2-40B4-BE49-F238E27FC236}">
                <a16:creationId xmlns:a16="http://schemas.microsoft.com/office/drawing/2014/main" id="{47EEF448-CF12-526C-700A-E474BF7913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13" name="Espace réservé du pied de page 12">
            <a:extLst>
              <a:ext uri="{FF2B5EF4-FFF2-40B4-BE49-F238E27FC236}">
                <a16:creationId xmlns:a16="http://schemas.microsoft.com/office/drawing/2014/main" id="{2EDAB6E4-6E5D-6ADC-DCF0-45291A4ED33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6279960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ubchapter with full image n2">
    <p:bg>
      <p:bgPr>
        <a:solidFill>
          <a:srgbClr val="E8E8E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Espace réservé pour une image  24">
            <a:extLst>
              <a:ext uri="{FF2B5EF4-FFF2-40B4-BE49-F238E27FC236}">
                <a16:creationId xmlns:a16="http://schemas.microsoft.com/office/drawing/2014/main" id="{C07B8CF5-7731-3665-FCFD-CD5DB0C1B1B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6214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r>
              <a:rPr lang="fr-FR" err="1"/>
              <a:t>fffff</a:t>
            </a:r>
            <a:endParaRPr lang="fr-FR"/>
          </a:p>
        </p:txBody>
      </p:sp>
      <p:sp>
        <p:nvSpPr>
          <p:cNvPr id="9" name="Espace réservé du texte 29">
            <a:extLst>
              <a:ext uri="{FF2B5EF4-FFF2-40B4-BE49-F238E27FC236}">
                <a16:creationId xmlns:a16="http://schemas.microsoft.com/office/drawing/2014/main" id="{B824A8FF-6FC5-9F96-3F5F-22BD99920E5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323156" y="1983994"/>
            <a:ext cx="10872779" cy="4875930"/>
          </a:xfrm>
          <a:custGeom>
            <a:avLst/>
            <a:gdLst>
              <a:gd name="connsiteX0" fmla="*/ 20883917 w 21734233"/>
              <a:gd name="connsiteY0" fmla="*/ 8901531 h 9751860"/>
              <a:gd name="connsiteX1" fmla="*/ 21734233 w 21734233"/>
              <a:gd name="connsiteY1" fmla="*/ 8901531 h 9751860"/>
              <a:gd name="connsiteX2" fmla="*/ 21734233 w 21734233"/>
              <a:gd name="connsiteY2" fmla="*/ 9751860 h 9751860"/>
              <a:gd name="connsiteX3" fmla="*/ 20883917 w 21734233"/>
              <a:gd name="connsiteY3" fmla="*/ 9751860 h 9751860"/>
              <a:gd name="connsiteX4" fmla="*/ 20017351 w 21734233"/>
              <a:gd name="connsiteY4" fmla="*/ 7185656 h 9751860"/>
              <a:gd name="connsiteX5" fmla="*/ 20867667 w 21734233"/>
              <a:gd name="connsiteY5" fmla="*/ 7185656 h 9751860"/>
              <a:gd name="connsiteX6" fmla="*/ 20867667 w 21734233"/>
              <a:gd name="connsiteY6" fmla="*/ 8035960 h 9751860"/>
              <a:gd name="connsiteX7" fmla="*/ 20017351 w 21734233"/>
              <a:gd name="connsiteY7" fmla="*/ 8035960 h 9751860"/>
              <a:gd name="connsiteX8" fmla="*/ 0 w 21734233"/>
              <a:gd name="connsiteY8" fmla="*/ 4411756 h 9751860"/>
              <a:gd name="connsiteX9" fmla="*/ 850316 w 21734233"/>
              <a:gd name="connsiteY9" fmla="*/ 4411756 h 9751860"/>
              <a:gd name="connsiteX10" fmla="*/ 850316 w 21734233"/>
              <a:gd name="connsiteY10" fmla="*/ 5262073 h 9751860"/>
              <a:gd name="connsiteX11" fmla="*/ 0 w 21734233"/>
              <a:gd name="connsiteY11" fmla="*/ 5262073 h 9751860"/>
              <a:gd name="connsiteX12" fmla="*/ 17416365 w 21734233"/>
              <a:gd name="connsiteY12" fmla="*/ 0 h 9751860"/>
              <a:gd name="connsiteX13" fmla="*/ 18264587 w 21734233"/>
              <a:gd name="connsiteY13" fmla="*/ 0 h 9751860"/>
              <a:gd name="connsiteX14" fmla="*/ 18264587 w 21734233"/>
              <a:gd name="connsiteY14" fmla="*/ 848209 h 9751860"/>
              <a:gd name="connsiteX15" fmla="*/ 18264053 w 21734233"/>
              <a:gd name="connsiteY15" fmla="*/ 848209 h 9751860"/>
              <a:gd name="connsiteX16" fmla="*/ 18264053 w 21734233"/>
              <a:gd name="connsiteY16" fmla="*/ 1684196 h 9751860"/>
              <a:gd name="connsiteX17" fmla="*/ 17415845 w 21734233"/>
              <a:gd name="connsiteY17" fmla="*/ 1684196 h 9751860"/>
              <a:gd name="connsiteX18" fmla="*/ 17415845 w 21734233"/>
              <a:gd name="connsiteY18" fmla="*/ 848539 h 9751860"/>
              <a:gd name="connsiteX19" fmla="*/ 16580163 w 21734233"/>
              <a:gd name="connsiteY19" fmla="*/ 848539 h 9751860"/>
              <a:gd name="connsiteX20" fmla="*/ 16580163 w 21734233"/>
              <a:gd name="connsiteY20" fmla="*/ 317 h 9751860"/>
              <a:gd name="connsiteX21" fmla="*/ 17416365 w 21734233"/>
              <a:gd name="connsiteY21" fmla="*/ 317 h 97518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</a:cxnLst>
            <a:rect l="l" t="t" r="r" b="b"/>
            <a:pathLst>
              <a:path w="21734233" h="9751860">
                <a:moveTo>
                  <a:pt x="20883917" y="8901531"/>
                </a:moveTo>
                <a:lnTo>
                  <a:pt x="21734233" y="8901531"/>
                </a:lnTo>
                <a:lnTo>
                  <a:pt x="21734233" y="9751860"/>
                </a:lnTo>
                <a:lnTo>
                  <a:pt x="20883917" y="9751860"/>
                </a:lnTo>
                <a:close/>
                <a:moveTo>
                  <a:pt x="20017351" y="7185656"/>
                </a:moveTo>
                <a:lnTo>
                  <a:pt x="20867667" y="7185656"/>
                </a:lnTo>
                <a:lnTo>
                  <a:pt x="20867667" y="8035960"/>
                </a:lnTo>
                <a:lnTo>
                  <a:pt x="20017351" y="8035960"/>
                </a:lnTo>
                <a:close/>
                <a:moveTo>
                  <a:pt x="0" y="4411756"/>
                </a:moveTo>
                <a:lnTo>
                  <a:pt x="850316" y="4411756"/>
                </a:lnTo>
                <a:lnTo>
                  <a:pt x="850316" y="5262073"/>
                </a:lnTo>
                <a:lnTo>
                  <a:pt x="0" y="5262073"/>
                </a:lnTo>
                <a:close/>
                <a:moveTo>
                  <a:pt x="17416365" y="0"/>
                </a:moveTo>
                <a:lnTo>
                  <a:pt x="18264587" y="0"/>
                </a:lnTo>
                <a:lnTo>
                  <a:pt x="18264587" y="848209"/>
                </a:lnTo>
                <a:lnTo>
                  <a:pt x="18264053" y="848209"/>
                </a:lnTo>
                <a:lnTo>
                  <a:pt x="18264053" y="1684196"/>
                </a:lnTo>
                <a:lnTo>
                  <a:pt x="17415845" y="1684196"/>
                </a:lnTo>
                <a:lnTo>
                  <a:pt x="17415845" y="848539"/>
                </a:lnTo>
                <a:lnTo>
                  <a:pt x="16580163" y="848539"/>
                </a:lnTo>
                <a:lnTo>
                  <a:pt x="16580163" y="317"/>
                </a:lnTo>
                <a:lnTo>
                  <a:pt x="17416365" y="317"/>
                </a:lnTo>
                <a:close/>
              </a:path>
            </a:pathLst>
          </a:custGeom>
          <a:solidFill>
            <a:srgbClr val="C4F6EF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10" name="Espace réservé du texte 23">
            <a:extLst>
              <a:ext uri="{FF2B5EF4-FFF2-40B4-BE49-F238E27FC236}">
                <a16:creationId xmlns:a16="http://schemas.microsoft.com/office/drawing/2014/main" id="{7BE18192-11AA-A9FF-BABB-F526527C934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8" y="421471"/>
            <a:ext cx="12195857" cy="5152600"/>
          </a:xfrm>
          <a:custGeom>
            <a:avLst/>
            <a:gdLst>
              <a:gd name="connsiteX0" fmla="*/ 23528693 w 24379009"/>
              <a:gd name="connsiteY0" fmla="*/ 9454882 h 10305199"/>
              <a:gd name="connsiteX1" fmla="*/ 24379009 w 24379009"/>
              <a:gd name="connsiteY1" fmla="*/ 9454882 h 10305199"/>
              <a:gd name="connsiteX2" fmla="*/ 24379009 w 24379009"/>
              <a:gd name="connsiteY2" fmla="*/ 10305199 h 10305199"/>
              <a:gd name="connsiteX3" fmla="*/ 23528693 w 24379009"/>
              <a:gd name="connsiteY3" fmla="*/ 10305199 h 10305199"/>
              <a:gd name="connsiteX4" fmla="*/ 0 w 24379009"/>
              <a:gd name="connsiteY4" fmla="*/ 8570917 h 10305199"/>
              <a:gd name="connsiteX5" fmla="*/ 850316 w 24379009"/>
              <a:gd name="connsiteY5" fmla="*/ 8570917 h 10305199"/>
              <a:gd name="connsiteX6" fmla="*/ 850316 w 24379009"/>
              <a:gd name="connsiteY6" fmla="*/ 9421234 h 10305199"/>
              <a:gd name="connsiteX7" fmla="*/ 0 w 24379009"/>
              <a:gd name="connsiteY7" fmla="*/ 9421234 h 10305199"/>
              <a:gd name="connsiteX8" fmla="*/ 6278200 w 24379009"/>
              <a:gd name="connsiteY8" fmla="*/ 1212313 h 10305199"/>
              <a:gd name="connsiteX9" fmla="*/ 7128518 w 24379009"/>
              <a:gd name="connsiteY9" fmla="*/ 1212313 h 10305199"/>
              <a:gd name="connsiteX10" fmla="*/ 7128518 w 24379009"/>
              <a:gd name="connsiteY10" fmla="*/ 2062630 h 10305199"/>
              <a:gd name="connsiteX11" fmla="*/ 6278200 w 24379009"/>
              <a:gd name="connsiteY11" fmla="*/ 2062630 h 10305199"/>
              <a:gd name="connsiteX12" fmla="*/ 20957815 w 24379009"/>
              <a:gd name="connsiteY12" fmla="*/ 0 h 10305199"/>
              <a:gd name="connsiteX13" fmla="*/ 21808133 w 24379009"/>
              <a:gd name="connsiteY13" fmla="*/ 0 h 10305199"/>
              <a:gd name="connsiteX14" fmla="*/ 21808133 w 24379009"/>
              <a:gd name="connsiteY14" fmla="*/ 850317 h 10305199"/>
              <a:gd name="connsiteX15" fmla="*/ 20957815 w 24379009"/>
              <a:gd name="connsiteY15" fmla="*/ 850317 h 103051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24379009" h="10305199">
                <a:moveTo>
                  <a:pt x="23528693" y="9454882"/>
                </a:moveTo>
                <a:lnTo>
                  <a:pt x="24379009" y="9454882"/>
                </a:lnTo>
                <a:lnTo>
                  <a:pt x="24379009" y="10305199"/>
                </a:lnTo>
                <a:lnTo>
                  <a:pt x="23528693" y="10305199"/>
                </a:lnTo>
                <a:close/>
                <a:moveTo>
                  <a:pt x="0" y="8570917"/>
                </a:moveTo>
                <a:lnTo>
                  <a:pt x="850316" y="8570917"/>
                </a:lnTo>
                <a:lnTo>
                  <a:pt x="850316" y="9421234"/>
                </a:lnTo>
                <a:lnTo>
                  <a:pt x="0" y="9421234"/>
                </a:lnTo>
                <a:close/>
                <a:moveTo>
                  <a:pt x="6278200" y="1212313"/>
                </a:moveTo>
                <a:lnTo>
                  <a:pt x="7128518" y="1212313"/>
                </a:lnTo>
                <a:lnTo>
                  <a:pt x="7128518" y="2062630"/>
                </a:lnTo>
                <a:lnTo>
                  <a:pt x="6278200" y="2062630"/>
                </a:lnTo>
                <a:close/>
                <a:moveTo>
                  <a:pt x="20957815" y="0"/>
                </a:moveTo>
                <a:lnTo>
                  <a:pt x="21808133" y="0"/>
                </a:lnTo>
                <a:lnTo>
                  <a:pt x="21808133" y="850317"/>
                </a:lnTo>
                <a:lnTo>
                  <a:pt x="20957815" y="850317"/>
                </a:lnTo>
                <a:close/>
              </a:path>
            </a:pathLst>
          </a:custGeom>
          <a:solidFill>
            <a:srgbClr val="F5908D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4" name="Titre 3">
            <a:extLst>
              <a:ext uri="{FF2B5EF4-FFF2-40B4-BE49-F238E27FC236}">
                <a16:creationId xmlns:a16="http://schemas.microsoft.com/office/drawing/2014/main" id="{A8C99867-1A73-05D2-FA48-E1F67B6292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95812" y="2343150"/>
            <a:ext cx="7842040" cy="1965923"/>
          </a:xfrm>
        </p:spPr>
        <p:txBody>
          <a:bodyPr/>
          <a:lstStyle>
            <a:lvl1pPr>
              <a:lnSpc>
                <a:spcPct val="84000"/>
              </a:lnSpc>
              <a:defRPr sz="7500">
                <a:solidFill>
                  <a:schemeClr val="bg1"/>
                </a:solidFill>
                <a:latin typeface="Poppins ExtraBold" panose="00000900000000000000" pitchFamily="2" charset="0"/>
                <a:cs typeface="Poppins ExtraBold" panose="00000900000000000000" pitchFamily="2" charset="0"/>
              </a:defRPr>
            </a:lvl1pPr>
          </a:lstStyle>
          <a:p>
            <a:r>
              <a:rPr lang="fr-FR" err="1"/>
              <a:t>Subchapter</a:t>
            </a:r>
            <a:br>
              <a:rPr lang="fr-FR"/>
            </a:br>
            <a:r>
              <a:rPr lang="fr-FR" err="1"/>
              <a:t>title</a:t>
            </a:r>
            <a:endParaRPr lang="fr-FR"/>
          </a:p>
        </p:txBody>
      </p:sp>
      <p:sp>
        <p:nvSpPr>
          <p:cNvPr id="27" name="Espace réservé du numéro de diapositive 26">
            <a:extLst>
              <a:ext uri="{FF2B5EF4-FFF2-40B4-BE49-F238E27FC236}">
                <a16:creationId xmlns:a16="http://schemas.microsoft.com/office/drawing/2014/main" id="{8ED41DCB-67BA-E049-472E-227D8B8165E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28" name="Espace réservé du texte 32">
            <a:extLst>
              <a:ext uri="{FF2B5EF4-FFF2-40B4-BE49-F238E27FC236}">
                <a16:creationId xmlns:a16="http://schemas.microsoft.com/office/drawing/2014/main" id="{EF8CDEC1-FAC1-B17D-30DA-3AC2868CC8F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95367" y="6643874"/>
            <a:ext cx="566083" cy="84790"/>
          </a:xfrm>
          <a:custGeom>
            <a:avLst/>
            <a:gdLst>
              <a:gd name="connsiteX0" fmla="*/ 995838 w 1131576"/>
              <a:gd name="connsiteY0" fmla="*/ 121703 h 169580"/>
              <a:gd name="connsiteX1" fmla="*/ 1041084 w 1131576"/>
              <a:gd name="connsiteY1" fmla="*/ 121703 h 169580"/>
              <a:gd name="connsiteX2" fmla="*/ 1041084 w 1131576"/>
              <a:gd name="connsiteY2" fmla="*/ 166948 h 169580"/>
              <a:gd name="connsiteX3" fmla="*/ 995838 w 1131576"/>
              <a:gd name="connsiteY3" fmla="*/ 166948 h 169580"/>
              <a:gd name="connsiteX4" fmla="*/ 316696 w 1131576"/>
              <a:gd name="connsiteY4" fmla="*/ 83649 h 169580"/>
              <a:gd name="connsiteX5" fmla="*/ 288910 w 1131576"/>
              <a:gd name="connsiteY5" fmla="*/ 94521 h 169580"/>
              <a:gd name="connsiteX6" fmla="*/ 345015 w 1131576"/>
              <a:gd name="connsiteY6" fmla="*/ 94521 h 169580"/>
              <a:gd name="connsiteX7" fmla="*/ 316696 w 1131576"/>
              <a:gd name="connsiteY7" fmla="*/ 83649 h 169580"/>
              <a:gd name="connsiteX8" fmla="*/ 539645 w 1131576"/>
              <a:gd name="connsiteY8" fmla="*/ 57092 h 169580"/>
              <a:gd name="connsiteX9" fmla="*/ 584890 w 1131576"/>
              <a:gd name="connsiteY9" fmla="*/ 57092 h 169580"/>
              <a:gd name="connsiteX10" fmla="*/ 584890 w 1131576"/>
              <a:gd name="connsiteY10" fmla="*/ 102870 h 169580"/>
              <a:gd name="connsiteX11" fmla="*/ 611118 w 1131576"/>
              <a:gd name="connsiteY11" fmla="*/ 129466 h 169580"/>
              <a:gd name="connsiteX12" fmla="*/ 646038 w 1131576"/>
              <a:gd name="connsiteY12" fmla="*/ 115718 h 169580"/>
              <a:gd name="connsiteX13" fmla="*/ 646038 w 1131576"/>
              <a:gd name="connsiteY13" fmla="*/ 57092 h 169580"/>
              <a:gd name="connsiteX14" fmla="*/ 691284 w 1131576"/>
              <a:gd name="connsiteY14" fmla="*/ 57092 h 169580"/>
              <a:gd name="connsiteX15" fmla="*/ 691284 w 1131576"/>
              <a:gd name="connsiteY15" fmla="*/ 166894 h 169580"/>
              <a:gd name="connsiteX16" fmla="*/ 646038 w 1131576"/>
              <a:gd name="connsiteY16" fmla="*/ 166894 h 169580"/>
              <a:gd name="connsiteX17" fmla="*/ 646038 w 1131576"/>
              <a:gd name="connsiteY17" fmla="*/ 151170 h 169580"/>
              <a:gd name="connsiteX18" fmla="*/ 593570 w 1131576"/>
              <a:gd name="connsiteY18" fmla="*/ 167451 h 169580"/>
              <a:gd name="connsiteX19" fmla="*/ 539645 w 1131576"/>
              <a:gd name="connsiteY19" fmla="*/ 120596 h 169580"/>
              <a:gd name="connsiteX20" fmla="*/ 0 w 1131576"/>
              <a:gd name="connsiteY20" fmla="*/ 57092 h 169580"/>
              <a:gd name="connsiteX21" fmla="*/ 45258 w 1131576"/>
              <a:gd name="connsiteY21" fmla="*/ 57092 h 169580"/>
              <a:gd name="connsiteX22" fmla="*/ 45258 w 1131576"/>
              <a:gd name="connsiteY22" fmla="*/ 166894 h 169580"/>
              <a:gd name="connsiteX23" fmla="*/ 0 w 1131576"/>
              <a:gd name="connsiteY23" fmla="*/ 166894 h 169580"/>
              <a:gd name="connsiteX24" fmla="*/ 168389 w 1131576"/>
              <a:gd name="connsiteY24" fmla="*/ 56041 h 169580"/>
              <a:gd name="connsiteX25" fmla="*/ 222276 w 1131576"/>
              <a:gd name="connsiteY25" fmla="*/ 105012 h 169580"/>
              <a:gd name="connsiteX26" fmla="*/ 222276 w 1131576"/>
              <a:gd name="connsiteY26" fmla="*/ 166894 h 169580"/>
              <a:gd name="connsiteX27" fmla="*/ 177031 w 1131576"/>
              <a:gd name="connsiteY27" fmla="*/ 166894 h 169580"/>
              <a:gd name="connsiteX28" fmla="*/ 177031 w 1131576"/>
              <a:gd name="connsiteY28" fmla="*/ 123346 h 169580"/>
              <a:gd name="connsiteX29" fmla="*/ 150106 w 1131576"/>
              <a:gd name="connsiteY29" fmla="*/ 95636 h 169580"/>
              <a:gd name="connsiteX30" fmla="*/ 113704 w 1131576"/>
              <a:gd name="connsiteY30" fmla="*/ 109966 h 169580"/>
              <a:gd name="connsiteX31" fmla="*/ 113704 w 1131576"/>
              <a:gd name="connsiteY31" fmla="*/ 166894 h 169580"/>
              <a:gd name="connsiteX32" fmla="*/ 68471 w 1131576"/>
              <a:gd name="connsiteY32" fmla="*/ 166894 h 169580"/>
              <a:gd name="connsiteX33" fmla="*/ 68471 w 1131576"/>
              <a:gd name="connsiteY33" fmla="*/ 57092 h 169580"/>
              <a:gd name="connsiteX34" fmla="*/ 113704 w 1131576"/>
              <a:gd name="connsiteY34" fmla="*/ 57092 h 169580"/>
              <a:gd name="connsiteX35" fmla="*/ 113704 w 1131576"/>
              <a:gd name="connsiteY35" fmla="*/ 73019 h 169580"/>
              <a:gd name="connsiteX36" fmla="*/ 168389 w 1131576"/>
              <a:gd name="connsiteY36" fmla="*/ 56041 h 169580"/>
              <a:gd name="connsiteX37" fmla="*/ 809118 w 1131576"/>
              <a:gd name="connsiteY37" fmla="*/ 55357 h 169580"/>
              <a:gd name="connsiteX38" fmla="*/ 850272 w 1131576"/>
              <a:gd name="connsiteY38" fmla="*/ 76503 h 169580"/>
              <a:gd name="connsiteX39" fmla="*/ 903830 w 1131576"/>
              <a:gd name="connsiteY39" fmla="*/ 55357 h 169580"/>
              <a:gd name="connsiteX40" fmla="*/ 950545 w 1131576"/>
              <a:gd name="connsiteY40" fmla="*/ 100881 h 169580"/>
              <a:gd name="connsiteX41" fmla="*/ 950545 w 1131576"/>
              <a:gd name="connsiteY41" fmla="*/ 166894 h 169580"/>
              <a:gd name="connsiteX42" fmla="*/ 905299 w 1131576"/>
              <a:gd name="connsiteY42" fmla="*/ 166894 h 169580"/>
              <a:gd name="connsiteX43" fmla="*/ 905299 w 1131576"/>
              <a:gd name="connsiteY43" fmla="*/ 120634 h 169580"/>
              <a:gd name="connsiteX44" fmla="*/ 884266 w 1131576"/>
              <a:gd name="connsiteY44" fmla="*/ 93748 h 169580"/>
              <a:gd name="connsiteX45" fmla="*/ 855758 w 1131576"/>
              <a:gd name="connsiteY45" fmla="*/ 106494 h 169580"/>
              <a:gd name="connsiteX46" fmla="*/ 855821 w 1131576"/>
              <a:gd name="connsiteY46" fmla="*/ 166894 h 169580"/>
              <a:gd name="connsiteX47" fmla="*/ 810575 w 1131576"/>
              <a:gd name="connsiteY47" fmla="*/ 166894 h 169580"/>
              <a:gd name="connsiteX48" fmla="*/ 810575 w 1131576"/>
              <a:gd name="connsiteY48" fmla="*/ 120634 h 169580"/>
              <a:gd name="connsiteX49" fmla="*/ 789543 w 1131576"/>
              <a:gd name="connsiteY49" fmla="*/ 93748 h 169580"/>
              <a:gd name="connsiteX50" fmla="*/ 759742 w 1131576"/>
              <a:gd name="connsiteY50" fmla="*/ 107647 h 169580"/>
              <a:gd name="connsiteX51" fmla="*/ 759742 w 1131576"/>
              <a:gd name="connsiteY51" fmla="*/ 166894 h 169580"/>
              <a:gd name="connsiteX52" fmla="*/ 714496 w 1131576"/>
              <a:gd name="connsiteY52" fmla="*/ 166881 h 169580"/>
              <a:gd name="connsiteX53" fmla="*/ 714496 w 1131576"/>
              <a:gd name="connsiteY53" fmla="*/ 57092 h 169580"/>
              <a:gd name="connsiteX54" fmla="*/ 759742 w 1131576"/>
              <a:gd name="connsiteY54" fmla="*/ 57092 h 169580"/>
              <a:gd name="connsiteX55" fmla="*/ 759742 w 1131576"/>
              <a:gd name="connsiteY55" fmla="*/ 75464 h 169580"/>
              <a:gd name="connsiteX56" fmla="*/ 809118 w 1131576"/>
              <a:gd name="connsiteY56" fmla="*/ 55357 h 169580"/>
              <a:gd name="connsiteX57" fmla="*/ 316950 w 1131576"/>
              <a:gd name="connsiteY57" fmla="*/ 54394 h 169580"/>
              <a:gd name="connsiteX58" fmla="*/ 392364 w 1131576"/>
              <a:gd name="connsiteY58" fmla="*/ 119431 h 169580"/>
              <a:gd name="connsiteX59" fmla="*/ 286667 w 1131576"/>
              <a:gd name="connsiteY59" fmla="*/ 119431 h 169580"/>
              <a:gd name="connsiteX60" fmla="*/ 315087 w 1131576"/>
              <a:gd name="connsiteY60" fmla="*/ 134293 h 169580"/>
              <a:gd name="connsiteX61" fmla="*/ 340251 w 1131576"/>
              <a:gd name="connsiteY61" fmla="*/ 130340 h 169580"/>
              <a:gd name="connsiteX62" fmla="*/ 389475 w 1131576"/>
              <a:gd name="connsiteY62" fmla="*/ 130340 h 169580"/>
              <a:gd name="connsiteX63" fmla="*/ 315087 w 1131576"/>
              <a:gd name="connsiteY63" fmla="*/ 169580 h 169580"/>
              <a:gd name="connsiteX64" fmla="*/ 241143 w 1131576"/>
              <a:gd name="connsiteY64" fmla="*/ 111993 h 169580"/>
              <a:gd name="connsiteX65" fmla="*/ 316950 w 1131576"/>
              <a:gd name="connsiteY65" fmla="*/ 54394 h 169580"/>
              <a:gd name="connsiteX66" fmla="*/ 1041084 w 1131576"/>
              <a:gd name="connsiteY66" fmla="*/ 31198 h 169580"/>
              <a:gd name="connsiteX67" fmla="*/ 1131576 w 1131576"/>
              <a:gd name="connsiteY67" fmla="*/ 31198 h 169580"/>
              <a:gd name="connsiteX68" fmla="*/ 1131576 w 1131576"/>
              <a:gd name="connsiteY68" fmla="*/ 121703 h 169580"/>
              <a:gd name="connsiteX69" fmla="*/ 1086330 w 1131576"/>
              <a:gd name="connsiteY69" fmla="*/ 121703 h 169580"/>
              <a:gd name="connsiteX70" fmla="*/ 1086330 w 1131576"/>
              <a:gd name="connsiteY70" fmla="*/ 76457 h 169580"/>
              <a:gd name="connsiteX71" fmla="*/ 1041084 w 1131576"/>
              <a:gd name="connsiteY71" fmla="*/ 76457 h 169580"/>
              <a:gd name="connsiteX72" fmla="*/ 428918 w 1131576"/>
              <a:gd name="connsiteY72" fmla="*/ 22629 h 169580"/>
              <a:gd name="connsiteX73" fmla="*/ 474164 w 1131576"/>
              <a:gd name="connsiteY73" fmla="*/ 22629 h 169580"/>
              <a:gd name="connsiteX74" fmla="*/ 474164 w 1131576"/>
              <a:gd name="connsiteY74" fmla="*/ 57092 h 169580"/>
              <a:gd name="connsiteX75" fmla="*/ 519410 w 1131576"/>
              <a:gd name="connsiteY75" fmla="*/ 57092 h 169580"/>
              <a:gd name="connsiteX76" fmla="*/ 519410 w 1131576"/>
              <a:gd name="connsiteY76" fmla="*/ 93773 h 169580"/>
              <a:gd name="connsiteX77" fmla="*/ 474164 w 1131576"/>
              <a:gd name="connsiteY77" fmla="*/ 93773 h 169580"/>
              <a:gd name="connsiteX78" fmla="*/ 474164 w 1131576"/>
              <a:gd name="connsiteY78" fmla="*/ 130086 h 169580"/>
              <a:gd name="connsiteX79" fmla="*/ 519410 w 1131576"/>
              <a:gd name="connsiteY79" fmla="*/ 130086 h 169580"/>
              <a:gd name="connsiteX80" fmla="*/ 519410 w 1131576"/>
              <a:gd name="connsiteY80" fmla="*/ 166894 h 169580"/>
              <a:gd name="connsiteX81" fmla="*/ 428918 w 1131576"/>
              <a:gd name="connsiteY81" fmla="*/ 166894 h 169580"/>
              <a:gd name="connsiteX82" fmla="*/ 428918 w 1131576"/>
              <a:gd name="connsiteY82" fmla="*/ 93773 h 169580"/>
              <a:gd name="connsiteX83" fmla="*/ 404629 w 1131576"/>
              <a:gd name="connsiteY83" fmla="*/ 93773 h 169580"/>
              <a:gd name="connsiteX84" fmla="*/ 404629 w 1131576"/>
              <a:gd name="connsiteY84" fmla="*/ 57092 h 169580"/>
              <a:gd name="connsiteX85" fmla="*/ 428918 w 1131576"/>
              <a:gd name="connsiteY85" fmla="*/ 57092 h 169580"/>
              <a:gd name="connsiteX86" fmla="*/ 0 w 1131576"/>
              <a:gd name="connsiteY86" fmla="*/ 0 h 169580"/>
              <a:gd name="connsiteX87" fmla="*/ 45258 w 1131576"/>
              <a:gd name="connsiteY87" fmla="*/ 0 h 169580"/>
              <a:gd name="connsiteX88" fmla="*/ 45258 w 1131576"/>
              <a:gd name="connsiteY88" fmla="*/ 45246 h 169580"/>
              <a:gd name="connsiteX89" fmla="*/ 0 w 1131576"/>
              <a:gd name="connsiteY89" fmla="*/ 45246 h 1695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</a:cxnLst>
            <a:rect l="l" t="t" r="r" b="b"/>
            <a:pathLst>
              <a:path w="1131576" h="169580">
                <a:moveTo>
                  <a:pt x="995838" y="121703"/>
                </a:moveTo>
                <a:lnTo>
                  <a:pt x="1041084" y="121703"/>
                </a:lnTo>
                <a:lnTo>
                  <a:pt x="1041084" y="166948"/>
                </a:lnTo>
                <a:lnTo>
                  <a:pt x="995838" y="166948"/>
                </a:lnTo>
                <a:close/>
                <a:moveTo>
                  <a:pt x="316696" y="83649"/>
                </a:moveTo>
                <a:cubicBezTo>
                  <a:pt x="304799" y="83649"/>
                  <a:pt x="293725" y="87096"/>
                  <a:pt x="288910" y="94521"/>
                </a:cubicBezTo>
                <a:lnTo>
                  <a:pt x="345015" y="94521"/>
                </a:lnTo>
                <a:cubicBezTo>
                  <a:pt x="339794" y="87096"/>
                  <a:pt x="328594" y="83649"/>
                  <a:pt x="316696" y="83649"/>
                </a:cubicBezTo>
                <a:close/>
                <a:moveTo>
                  <a:pt x="539645" y="57092"/>
                </a:moveTo>
                <a:lnTo>
                  <a:pt x="584890" y="57092"/>
                </a:lnTo>
                <a:lnTo>
                  <a:pt x="584890" y="102870"/>
                </a:lnTo>
                <a:cubicBezTo>
                  <a:pt x="584890" y="121509"/>
                  <a:pt x="591580" y="129466"/>
                  <a:pt x="611118" y="129466"/>
                </a:cubicBezTo>
                <a:cubicBezTo>
                  <a:pt x="623966" y="129466"/>
                  <a:pt x="637536" y="123853"/>
                  <a:pt x="646038" y="115718"/>
                </a:cubicBezTo>
                <a:lnTo>
                  <a:pt x="646038" y="57092"/>
                </a:lnTo>
                <a:lnTo>
                  <a:pt x="691284" y="57092"/>
                </a:lnTo>
                <a:lnTo>
                  <a:pt x="691284" y="166894"/>
                </a:lnTo>
                <a:lnTo>
                  <a:pt x="646038" y="166894"/>
                </a:lnTo>
                <a:lnTo>
                  <a:pt x="646038" y="151170"/>
                </a:lnTo>
                <a:cubicBezTo>
                  <a:pt x="633013" y="160217"/>
                  <a:pt x="616364" y="167451"/>
                  <a:pt x="593570" y="167451"/>
                </a:cubicBezTo>
                <a:cubicBezTo>
                  <a:pt x="569141" y="167451"/>
                  <a:pt x="539645" y="159862"/>
                  <a:pt x="539645" y="120596"/>
                </a:cubicBezTo>
                <a:close/>
                <a:moveTo>
                  <a:pt x="0" y="57092"/>
                </a:moveTo>
                <a:lnTo>
                  <a:pt x="45258" y="57092"/>
                </a:lnTo>
                <a:lnTo>
                  <a:pt x="45258" y="166894"/>
                </a:lnTo>
                <a:lnTo>
                  <a:pt x="0" y="166894"/>
                </a:lnTo>
                <a:close/>
                <a:moveTo>
                  <a:pt x="168389" y="56041"/>
                </a:moveTo>
                <a:cubicBezTo>
                  <a:pt x="193844" y="56041"/>
                  <a:pt x="222276" y="64099"/>
                  <a:pt x="222276" y="105012"/>
                </a:cubicBezTo>
                <a:lnTo>
                  <a:pt x="222276" y="166894"/>
                </a:lnTo>
                <a:lnTo>
                  <a:pt x="177031" y="166894"/>
                </a:lnTo>
                <a:lnTo>
                  <a:pt x="177031" y="123346"/>
                </a:lnTo>
                <a:cubicBezTo>
                  <a:pt x="177031" y="103935"/>
                  <a:pt x="170455" y="95636"/>
                  <a:pt x="150106" y="95636"/>
                </a:cubicBezTo>
                <a:cubicBezTo>
                  <a:pt x="136713" y="95636"/>
                  <a:pt x="122573" y="101489"/>
                  <a:pt x="113704" y="109966"/>
                </a:cubicBezTo>
                <a:lnTo>
                  <a:pt x="113704" y="166894"/>
                </a:lnTo>
                <a:lnTo>
                  <a:pt x="68471" y="166894"/>
                </a:lnTo>
                <a:lnTo>
                  <a:pt x="68471" y="57092"/>
                </a:lnTo>
                <a:lnTo>
                  <a:pt x="113704" y="57092"/>
                </a:lnTo>
                <a:lnTo>
                  <a:pt x="113704" y="73019"/>
                </a:lnTo>
                <a:cubicBezTo>
                  <a:pt x="127287" y="63580"/>
                  <a:pt x="144632" y="56041"/>
                  <a:pt x="168389" y="56041"/>
                </a:cubicBezTo>
                <a:close/>
                <a:moveTo>
                  <a:pt x="809118" y="55357"/>
                </a:moveTo>
                <a:cubicBezTo>
                  <a:pt x="822828" y="55357"/>
                  <a:pt x="841681" y="60399"/>
                  <a:pt x="850272" y="76503"/>
                </a:cubicBezTo>
                <a:cubicBezTo>
                  <a:pt x="861244" y="63757"/>
                  <a:pt x="877133" y="55357"/>
                  <a:pt x="903830" y="55357"/>
                </a:cubicBezTo>
                <a:cubicBezTo>
                  <a:pt x="923038" y="55357"/>
                  <a:pt x="950545" y="63035"/>
                  <a:pt x="950545" y="100881"/>
                </a:cubicBezTo>
                <a:lnTo>
                  <a:pt x="950545" y="166894"/>
                </a:lnTo>
                <a:lnTo>
                  <a:pt x="905299" y="166894"/>
                </a:lnTo>
                <a:lnTo>
                  <a:pt x="905299" y="120634"/>
                </a:lnTo>
                <a:cubicBezTo>
                  <a:pt x="905299" y="101793"/>
                  <a:pt x="900358" y="93748"/>
                  <a:pt x="884266" y="93748"/>
                </a:cubicBezTo>
                <a:cubicBezTo>
                  <a:pt x="873117" y="93748"/>
                  <a:pt x="865083" y="97359"/>
                  <a:pt x="855758" y="106494"/>
                </a:cubicBezTo>
                <a:lnTo>
                  <a:pt x="855821" y="166894"/>
                </a:lnTo>
                <a:lnTo>
                  <a:pt x="810575" y="166894"/>
                </a:lnTo>
                <a:lnTo>
                  <a:pt x="810575" y="120634"/>
                </a:lnTo>
                <a:cubicBezTo>
                  <a:pt x="810575" y="101793"/>
                  <a:pt x="805634" y="93748"/>
                  <a:pt x="789543" y="93748"/>
                </a:cubicBezTo>
                <a:cubicBezTo>
                  <a:pt x="778393" y="93748"/>
                  <a:pt x="769067" y="98512"/>
                  <a:pt x="759742" y="107647"/>
                </a:cubicBezTo>
                <a:lnTo>
                  <a:pt x="759742" y="166894"/>
                </a:lnTo>
                <a:lnTo>
                  <a:pt x="714496" y="166881"/>
                </a:lnTo>
                <a:lnTo>
                  <a:pt x="714496" y="57092"/>
                </a:lnTo>
                <a:lnTo>
                  <a:pt x="759742" y="57092"/>
                </a:lnTo>
                <a:lnTo>
                  <a:pt x="759742" y="75464"/>
                </a:lnTo>
                <a:cubicBezTo>
                  <a:pt x="769435" y="66316"/>
                  <a:pt x="782422" y="55357"/>
                  <a:pt x="809118" y="55357"/>
                </a:cubicBezTo>
                <a:close/>
                <a:moveTo>
                  <a:pt x="316950" y="54394"/>
                </a:moveTo>
                <a:cubicBezTo>
                  <a:pt x="362842" y="54394"/>
                  <a:pt x="392364" y="70751"/>
                  <a:pt x="392364" y="119431"/>
                </a:cubicBezTo>
                <a:lnTo>
                  <a:pt x="286667" y="119431"/>
                </a:lnTo>
                <a:cubicBezTo>
                  <a:pt x="290380" y="131315"/>
                  <a:pt x="302822" y="134293"/>
                  <a:pt x="315087" y="134293"/>
                </a:cubicBezTo>
                <a:cubicBezTo>
                  <a:pt x="327162" y="134293"/>
                  <a:pt x="333839" y="133672"/>
                  <a:pt x="340251" y="130340"/>
                </a:cubicBezTo>
                <a:lnTo>
                  <a:pt x="389475" y="130340"/>
                </a:lnTo>
                <a:cubicBezTo>
                  <a:pt x="382316" y="156694"/>
                  <a:pt x="358483" y="169580"/>
                  <a:pt x="315087" y="169580"/>
                </a:cubicBezTo>
                <a:cubicBezTo>
                  <a:pt x="271425" y="169580"/>
                  <a:pt x="241143" y="153235"/>
                  <a:pt x="241143" y="111993"/>
                </a:cubicBezTo>
                <a:cubicBezTo>
                  <a:pt x="241143" y="70751"/>
                  <a:pt x="271425" y="54394"/>
                  <a:pt x="316950" y="54394"/>
                </a:cubicBezTo>
                <a:close/>
                <a:moveTo>
                  <a:pt x="1041084" y="31198"/>
                </a:moveTo>
                <a:lnTo>
                  <a:pt x="1131576" y="31198"/>
                </a:lnTo>
                <a:lnTo>
                  <a:pt x="1131576" y="121703"/>
                </a:lnTo>
                <a:lnTo>
                  <a:pt x="1086330" y="121703"/>
                </a:lnTo>
                <a:lnTo>
                  <a:pt x="1086330" y="76457"/>
                </a:lnTo>
                <a:lnTo>
                  <a:pt x="1041084" y="76457"/>
                </a:lnTo>
                <a:close/>
                <a:moveTo>
                  <a:pt x="428918" y="22629"/>
                </a:moveTo>
                <a:lnTo>
                  <a:pt x="474164" y="22629"/>
                </a:lnTo>
                <a:lnTo>
                  <a:pt x="474164" y="57092"/>
                </a:lnTo>
                <a:lnTo>
                  <a:pt x="519410" y="57092"/>
                </a:lnTo>
                <a:lnTo>
                  <a:pt x="519410" y="93773"/>
                </a:lnTo>
                <a:lnTo>
                  <a:pt x="474164" y="93773"/>
                </a:lnTo>
                <a:lnTo>
                  <a:pt x="474164" y="130086"/>
                </a:lnTo>
                <a:lnTo>
                  <a:pt x="519410" y="130086"/>
                </a:lnTo>
                <a:lnTo>
                  <a:pt x="519410" y="166894"/>
                </a:lnTo>
                <a:lnTo>
                  <a:pt x="428918" y="166894"/>
                </a:lnTo>
                <a:lnTo>
                  <a:pt x="428918" y="93773"/>
                </a:lnTo>
                <a:lnTo>
                  <a:pt x="404629" y="93773"/>
                </a:lnTo>
                <a:lnTo>
                  <a:pt x="404629" y="57092"/>
                </a:lnTo>
                <a:lnTo>
                  <a:pt x="428918" y="57092"/>
                </a:lnTo>
                <a:close/>
                <a:moveTo>
                  <a:pt x="0" y="0"/>
                </a:moveTo>
                <a:lnTo>
                  <a:pt x="45258" y="0"/>
                </a:lnTo>
                <a:lnTo>
                  <a:pt x="45258" y="45246"/>
                </a:lnTo>
                <a:lnTo>
                  <a:pt x="0" y="4524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3" name="Espace réservé du pied de page 2">
            <a:extLst>
              <a:ext uri="{FF2B5EF4-FFF2-40B4-BE49-F238E27FC236}">
                <a16:creationId xmlns:a16="http://schemas.microsoft.com/office/drawing/2014/main" id="{1CBFB962-3E0D-F30F-AC2F-91696E9F423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568097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rme libre : forme 3">
            <a:extLst>
              <a:ext uri="{FF2B5EF4-FFF2-40B4-BE49-F238E27FC236}">
                <a16:creationId xmlns:a16="http://schemas.microsoft.com/office/drawing/2014/main" id="{69DBD1FF-5297-F2B8-8DC3-013DD3E25E5C}"/>
              </a:ext>
            </a:extLst>
          </p:cNvPr>
          <p:cNvSpPr/>
          <p:nvPr userDrawn="1"/>
        </p:nvSpPr>
        <p:spPr>
          <a:xfrm rot="10800000" flipV="1">
            <a:off x="11766607" y="6432835"/>
            <a:ext cx="425393" cy="425165"/>
          </a:xfrm>
          <a:custGeom>
            <a:avLst/>
            <a:gdLst>
              <a:gd name="connsiteX0" fmla="*/ 1819 w 850342"/>
              <a:gd name="connsiteY0" fmla="*/ 1654 h 850329"/>
              <a:gd name="connsiteX1" fmla="*/ 852161 w 850342"/>
              <a:gd name="connsiteY1" fmla="*/ 1654 h 850329"/>
              <a:gd name="connsiteX2" fmla="*/ 852161 w 850342"/>
              <a:gd name="connsiteY2" fmla="*/ 851984 h 850329"/>
              <a:gd name="connsiteX3" fmla="*/ 1819 w 850342"/>
              <a:gd name="connsiteY3" fmla="*/ 851984 h 85032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342" h="850329">
                <a:moveTo>
                  <a:pt x="1819" y="1654"/>
                </a:moveTo>
                <a:lnTo>
                  <a:pt x="852161" y="1654"/>
                </a:lnTo>
                <a:lnTo>
                  <a:pt x="852161" y="851984"/>
                </a:lnTo>
                <a:lnTo>
                  <a:pt x="1819" y="851984"/>
                </a:lnTo>
                <a:close/>
              </a:path>
            </a:pathLst>
          </a:custGeom>
          <a:solidFill>
            <a:srgbClr val="C4F6EF"/>
          </a:solidFill>
          <a:ln w="12690" cap="flat">
            <a:noFill/>
            <a:prstDash val="solid"/>
            <a:round/>
          </a:ln>
        </p:spPr>
        <p:txBody>
          <a:bodyPr rtlCol="0" anchor="ctr"/>
          <a:lstStyle/>
          <a:p>
            <a:endParaRPr lang="en-US" sz="900"/>
          </a:p>
        </p:txBody>
      </p:sp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76275" y="697701"/>
            <a:ext cx="9305926" cy="494672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3" b="1">
                <a:solidFill>
                  <a:schemeClr val="accent2"/>
                </a:solidFill>
              </a:defRPr>
            </a:lvl1pPr>
          </a:lstStyle>
          <a:p>
            <a:r>
              <a:rPr lang="en-US" noProof="0"/>
              <a:t>Slide title</a:t>
            </a:r>
          </a:p>
        </p:txBody>
      </p:sp>
      <p:sp>
        <p:nvSpPr>
          <p:cNvPr id="3" name="Text Placeholder 4">
            <a:extLst>
              <a:ext uri="{FF2B5EF4-FFF2-40B4-BE49-F238E27FC236}">
                <a16:creationId xmlns:a16="http://schemas.microsoft.com/office/drawing/2014/main" id="{DD78A61C-8A33-74C6-4160-F6795929304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76275" y="1253493"/>
            <a:ext cx="10700490" cy="186077"/>
          </a:xfrm>
        </p:spPr>
        <p:txBody>
          <a:bodyPr wrap="square">
            <a:spAutoFit/>
          </a:bodyPr>
          <a:lstStyle>
            <a:lvl1pPr>
              <a:defRPr b="1">
                <a:solidFill>
                  <a:schemeClr val="accent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Text level 1</a:t>
            </a:r>
          </a:p>
        </p:txBody>
      </p:sp>
      <p:sp>
        <p:nvSpPr>
          <p:cNvPr id="2" name="Espace réservé du numéro de diapositive 8">
            <a:extLst>
              <a:ext uri="{FF2B5EF4-FFF2-40B4-BE49-F238E27FC236}">
                <a16:creationId xmlns:a16="http://schemas.microsoft.com/office/drawing/2014/main" id="{763AC960-94D4-34ED-2A32-48712681E247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11793330" y="6655402"/>
            <a:ext cx="248573" cy="96180"/>
          </a:xfrm>
        </p:spPr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5" name="Forme libre : forme 4">
            <a:extLst>
              <a:ext uri="{FF2B5EF4-FFF2-40B4-BE49-F238E27FC236}">
                <a16:creationId xmlns:a16="http://schemas.microsoft.com/office/drawing/2014/main" id="{FC148DEC-2040-5129-0668-7EB7A9A1EA00}"/>
              </a:ext>
            </a:extLst>
          </p:cNvPr>
          <p:cNvSpPr/>
          <p:nvPr userDrawn="1"/>
        </p:nvSpPr>
        <p:spPr>
          <a:xfrm>
            <a:off x="11347241" y="3571"/>
            <a:ext cx="844759" cy="844212"/>
          </a:xfrm>
          <a:custGeom>
            <a:avLst/>
            <a:gdLst>
              <a:gd name="connsiteX0" fmla="*/ 1692413 w 1688639"/>
              <a:gd name="connsiteY0" fmla="*/ 200 h 1688423"/>
              <a:gd name="connsiteX1" fmla="*/ 842070 w 1688639"/>
              <a:gd name="connsiteY1" fmla="*/ 200 h 1688423"/>
              <a:gd name="connsiteX2" fmla="*/ 842070 w 1688639"/>
              <a:gd name="connsiteY2" fmla="*/ 517 h 1688423"/>
              <a:gd name="connsiteX3" fmla="*/ 3773 w 1688639"/>
              <a:gd name="connsiteY3" fmla="*/ 517 h 1688423"/>
              <a:gd name="connsiteX4" fmla="*/ 3773 w 1688639"/>
              <a:gd name="connsiteY4" fmla="*/ 850860 h 1688423"/>
              <a:gd name="connsiteX5" fmla="*/ 841537 w 1688639"/>
              <a:gd name="connsiteY5" fmla="*/ 850860 h 1688423"/>
              <a:gd name="connsiteX6" fmla="*/ 841537 w 1688639"/>
              <a:gd name="connsiteY6" fmla="*/ 1688623 h 1688423"/>
              <a:gd name="connsiteX7" fmla="*/ 1691880 w 1688639"/>
              <a:gd name="connsiteY7" fmla="*/ 1688623 h 1688423"/>
              <a:gd name="connsiteX8" fmla="*/ 1691880 w 1688639"/>
              <a:gd name="connsiteY8" fmla="*/ 850542 h 1688423"/>
              <a:gd name="connsiteX9" fmla="*/ 1692413 w 1688639"/>
              <a:gd name="connsiteY9" fmla="*/ 850542 h 1688423"/>
              <a:gd name="connsiteX10" fmla="*/ 1692413 w 1688639"/>
              <a:gd name="connsiteY10" fmla="*/ 200 h 168842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88639" h="1688423">
                <a:moveTo>
                  <a:pt x="1692413" y="200"/>
                </a:moveTo>
                <a:lnTo>
                  <a:pt x="842070" y="200"/>
                </a:lnTo>
                <a:lnTo>
                  <a:pt x="842070" y="517"/>
                </a:lnTo>
                <a:lnTo>
                  <a:pt x="3773" y="517"/>
                </a:lnTo>
                <a:lnTo>
                  <a:pt x="3773" y="850860"/>
                </a:lnTo>
                <a:lnTo>
                  <a:pt x="841537" y="850860"/>
                </a:lnTo>
                <a:lnTo>
                  <a:pt x="841537" y="1688623"/>
                </a:lnTo>
                <a:lnTo>
                  <a:pt x="1691880" y="1688623"/>
                </a:lnTo>
                <a:lnTo>
                  <a:pt x="1691880" y="850542"/>
                </a:lnTo>
                <a:lnTo>
                  <a:pt x="1692413" y="850542"/>
                </a:lnTo>
                <a:lnTo>
                  <a:pt x="1692413" y="200"/>
                </a:lnTo>
                <a:close/>
              </a:path>
            </a:pathLst>
          </a:custGeom>
          <a:solidFill>
            <a:srgbClr val="FCDAD9"/>
          </a:solidFill>
          <a:ln w="12690" cap="flat">
            <a:noFill/>
            <a:prstDash val="solid"/>
            <a:round/>
          </a:ln>
        </p:spPr>
        <p:txBody>
          <a:bodyPr rtlCol="0" anchor="ctr"/>
          <a:lstStyle/>
          <a:p>
            <a:endParaRPr lang="en-US" sz="900"/>
          </a:p>
        </p:txBody>
      </p:sp>
      <p:sp>
        <p:nvSpPr>
          <p:cNvPr id="7" name="Forme libre : forme 6">
            <a:extLst>
              <a:ext uri="{FF2B5EF4-FFF2-40B4-BE49-F238E27FC236}">
                <a16:creationId xmlns:a16="http://schemas.microsoft.com/office/drawing/2014/main" id="{DE99BE2D-E55F-975E-EB31-6F896FEB16C7}"/>
              </a:ext>
            </a:extLst>
          </p:cNvPr>
          <p:cNvSpPr/>
          <p:nvPr userDrawn="1"/>
        </p:nvSpPr>
        <p:spPr>
          <a:xfrm>
            <a:off x="0" y="4705843"/>
            <a:ext cx="425399" cy="425171"/>
          </a:xfrm>
          <a:custGeom>
            <a:avLst/>
            <a:gdLst>
              <a:gd name="connsiteX0" fmla="*/ 33 w 850355"/>
              <a:gd name="connsiteY0" fmla="*/ 1243 h 850342"/>
              <a:gd name="connsiteX1" fmla="*/ 850389 w 850355"/>
              <a:gd name="connsiteY1" fmla="*/ 1243 h 850342"/>
              <a:gd name="connsiteX2" fmla="*/ 850389 w 850355"/>
              <a:gd name="connsiteY2" fmla="*/ 851586 h 850342"/>
              <a:gd name="connsiteX3" fmla="*/ 33 w 850355"/>
              <a:gd name="connsiteY3" fmla="*/ 851586 h 85034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355" h="850342">
                <a:moveTo>
                  <a:pt x="33" y="1243"/>
                </a:moveTo>
                <a:lnTo>
                  <a:pt x="850389" y="1243"/>
                </a:lnTo>
                <a:lnTo>
                  <a:pt x="850389" y="851586"/>
                </a:lnTo>
                <a:lnTo>
                  <a:pt x="33" y="851586"/>
                </a:lnTo>
                <a:close/>
              </a:path>
            </a:pathLst>
          </a:custGeom>
          <a:solidFill>
            <a:srgbClr val="FCDAD9"/>
          </a:solidFill>
          <a:ln w="12690" cap="flat">
            <a:noFill/>
            <a:prstDash val="solid"/>
            <a:round/>
          </a:ln>
        </p:spPr>
        <p:txBody>
          <a:bodyPr rtlCol="0" anchor="ctr"/>
          <a:lstStyle/>
          <a:p>
            <a:endParaRPr lang="en-US" sz="900"/>
          </a:p>
        </p:txBody>
      </p:sp>
      <p:sp>
        <p:nvSpPr>
          <p:cNvPr id="8" name="Espace réservé du pied de page 7">
            <a:extLst>
              <a:ext uri="{FF2B5EF4-FFF2-40B4-BE49-F238E27FC236}">
                <a16:creationId xmlns:a16="http://schemas.microsoft.com/office/drawing/2014/main" id="{906A817A-F04C-D3B4-5659-9912BCC46B1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  <p:sp>
        <p:nvSpPr>
          <p:cNvPr id="9" name="Forme libre : forme 8">
            <a:extLst>
              <a:ext uri="{FF2B5EF4-FFF2-40B4-BE49-F238E27FC236}">
                <a16:creationId xmlns:a16="http://schemas.microsoft.com/office/drawing/2014/main" id="{2C964124-5D8E-16A5-BB7D-1C881735854E}"/>
              </a:ext>
            </a:extLst>
          </p:cNvPr>
          <p:cNvSpPr/>
          <p:nvPr userDrawn="1"/>
        </p:nvSpPr>
        <p:spPr>
          <a:xfrm rot="10800000" flipV="1">
            <a:off x="10488606" y="422466"/>
            <a:ext cx="425393" cy="425171"/>
          </a:xfrm>
          <a:custGeom>
            <a:avLst/>
            <a:gdLst>
              <a:gd name="connsiteX0" fmla="*/ 1685 w 850342"/>
              <a:gd name="connsiteY0" fmla="*/ -781 h 850342"/>
              <a:gd name="connsiteX1" fmla="*/ 852028 w 850342"/>
              <a:gd name="connsiteY1" fmla="*/ -781 h 850342"/>
              <a:gd name="connsiteX2" fmla="*/ 852028 w 850342"/>
              <a:gd name="connsiteY2" fmla="*/ 849562 h 850342"/>
              <a:gd name="connsiteX3" fmla="*/ 1685 w 850342"/>
              <a:gd name="connsiteY3" fmla="*/ 849562 h 85034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342" h="850342">
                <a:moveTo>
                  <a:pt x="1685" y="-781"/>
                </a:moveTo>
                <a:lnTo>
                  <a:pt x="852028" y="-781"/>
                </a:lnTo>
                <a:lnTo>
                  <a:pt x="852028" y="849562"/>
                </a:lnTo>
                <a:lnTo>
                  <a:pt x="1685" y="849562"/>
                </a:lnTo>
                <a:close/>
              </a:path>
            </a:pathLst>
          </a:custGeom>
          <a:solidFill>
            <a:srgbClr val="C4F6EF"/>
          </a:solidFill>
          <a:ln w="12690" cap="flat">
            <a:noFill/>
            <a:prstDash val="solid"/>
            <a:round/>
          </a:ln>
        </p:spPr>
        <p:txBody>
          <a:bodyPr rtlCol="0" anchor="ctr"/>
          <a:lstStyle/>
          <a:p>
            <a:endParaRPr lang="en-US" sz="900"/>
          </a:p>
        </p:txBody>
      </p:sp>
      <p:sp>
        <p:nvSpPr>
          <p:cNvPr id="10" name="Forme libre : forme 9">
            <a:extLst>
              <a:ext uri="{FF2B5EF4-FFF2-40B4-BE49-F238E27FC236}">
                <a16:creationId xmlns:a16="http://schemas.microsoft.com/office/drawing/2014/main" id="{839966BC-015D-CB37-AA4B-4934F69A2DF0}"/>
              </a:ext>
            </a:extLst>
          </p:cNvPr>
          <p:cNvSpPr/>
          <p:nvPr userDrawn="1"/>
        </p:nvSpPr>
        <p:spPr>
          <a:xfrm rot="10800000" flipV="1">
            <a:off x="11341538" y="5575314"/>
            <a:ext cx="425393" cy="425165"/>
          </a:xfrm>
          <a:custGeom>
            <a:avLst/>
            <a:gdLst>
              <a:gd name="connsiteX0" fmla="*/ 1819 w 850342"/>
              <a:gd name="connsiteY0" fmla="*/ 1654 h 850329"/>
              <a:gd name="connsiteX1" fmla="*/ 852161 w 850342"/>
              <a:gd name="connsiteY1" fmla="*/ 1654 h 850329"/>
              <a:gd name="connsiteX2" fmla="*/ 852161 w 850342"/>
              <a:gd name="connsiteY2" fmla="*/ 851984 h 850329"/>
              <a:gd name="connsiteX3" fmla="*/ 1819 w 850342"/>
              <a:gd name="connsiteY3" fmla="*/ 851984 h 85032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342" h="850329">
                <a:moveTo>
                  <a:pt x="1819" y="1654"/>
                </a:moveTo>
                <a:lnTo>
                  <a:pt x="852161" y="1654"/>
                </a:lnTo>
                <a:lnTo>
                  <a:pt x="852161" y="851984"/>
                </a:lnTo>
                <a:lnTo>
                  <a:pt x="1819" y="851984"/>
                </a:lnTo>
                <a:close/>
              </a:path>
            </a:pathLst>
          </a:custGeom>
          <a:solidFill>
            <a:srgbClr val="C4F6EF"/>
          </a:solidFill>
          <a:ln w="12690" cap="flat">
            <a:noFill/>
            <a:prstDash val="solid"/>
            <a:round/>
          </a:ln>
        </p:spPr>
        <p:txBody>
          <a:bodyPr rtlCol="0" anchor="ctr"/>
          <a:lstStyle/>
          <a:p>
            <a:endParaRPr lang="en-US" sz="900"/>
          </a:p>
        </p:txBody>
      </p:sp>
      <p:sp>
        <p:nvSpPr>
          <p:cNvPr id="11" name="Forme libre : forme 10">
            <a:extLst>
              <a:ext uri="{FF2B5EF4-FFF2-40B4-BE49-F238E27FC236}">
                <a16:creationId xmlns:a16="http://schemas.microsoft.com/office/drawing/2014/main" id="{22F46AD6-9957-CC7E-B619-BBC8D82B9D61}"/>
              </a:ext>
            </a:extLst>
          </p:cNvPr>
          <p:cNvSpPr/>
          <p:nvPr userDrawn="1"/>
        </p:nvSpPr>
        <p:spPr>
          <a:xfrm>
            <a:off x="11766613" y="5147611"/>
            <a:ext cx="425393" cy="425171"/>
          </a:xfrm>
          <a:custGeom>
            <a:avLst/>
            <a:gdLst>
              <a:gd name="connsiteX0" fmla="*/ 1887 w 850342"/>
              <a:gd name="connsiteY0" fmla="*/ 1452 h 850342"/>
              <a:gd name="connsiteX1" fmla="*/ 852229 w 850342"/>
              <a:gd name="connsiteY1" fmla="*/ 1452 h 850342"/>
              <a:gd name="connsiteX2" fmla="*/ 852229 w 850342"/>
              <a:gd name="connsiteY2" fmla="*/ 851795 h 850342"/>
              <a:gd name="connsiteX3" fmla="*/ 1887 w 850342"/>
              <a:gd name="connsiteY3" fmla="*/ 851795 h 85034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342" h="850342">
                <a:moveTo>
                  <a:pt x="1887" y="1452"/>
                </a:moveTo>
                <a:lnTo>
                  <a:pt x="852229" y="1452"/>
                </a:lnTo>
                <a:lnTo>
                  <a:pt x="852229" y="851795"/>
                </a:lnTo>
                <a:lnTo>
                  <a:pt x="1887" y="851795"/>
                </a:lnTo>
                <a:close/>
              </a:path>
            </a:pathLst>
          </a:custGeom>
          <a:solidFill>
            <a:srgbClr val="FCDAD9"/>
          </a:solidFill>
          <a:ln w="12690" cap="flat">
            <a:noFill/>
            <a:prstDash val="solid"/>
            <a:round/>
          </a:ln>
        </p:spPr>
        <p:txBody>
          <a:bodyPr rtlCol="0" anchor="ctr"/>
          <a:lstStyle/>
          <a:p>
            <a:endParaRPr lang="en-US" sz="900"/>
          </a:p>
        </p:txBody>
      </p:sp>
    </p:spTree>
    <p:extLst>
      <p:ext uri="{BB962C8B-B14F-4D97-AF65-F5344CB8AC3E}">
        <p14:creationId xmlns:p14="http://schemas.microsoft.com/office/powerpoint/2010/main" val="327700519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text +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3A6FBA34-91D9-42CD-A3FE-DC53ABE99F66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438900" y="1989474"/>
            <a:ext cx="5067300" cy="3969199"/>
          </a:xfrm>
          <a:solidFill>
            <a:schemeClr val="bg2"/>
          </a:solidFill>
          <a:ln>
            <a:noFill/>
          </a:ln>
        </p:spPr>
        <p:txBody>
          <a:bodyPr anchor="ctr"/>
          <a:lstStyle>
            <a:lvl1pPr algn="ctr">
              <a:defRPr sz="12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76275" y="697701"/>
            <a:ext cx="9305925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D3720633-DD1E-4523-BB30-553B5199501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676275" y="1989474"/>
            <a:ext cx="4972051" cy="1124923"/>
          </a:xfrm>
        </p:spPr>
        <p:txBody>
          <a:bodyPr wrap="square">
            <a:spAutoFit/>
          </a:bodyPr>
          <a:lstStyle>
            <a:lvl1pPr>
              <a:defRPr sz="180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DBF8A56-100E-4902-968B-3CDFE43D67DF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  <p:pic>
        <p:nvPicPr>
          <p:cNvPr id="7" name="Picture 6" descr="Logo&#10;&#10;Description automatically generated">
            <a:extLst>
              <a:ext uri="{FF2B5EF4-FFF2-40B4-BE49-F238E27FC236}">
                <a16:creationId xmlns:a16="http://schemas.microsoft.com/office/drawing/2014/main" id="{30459374-C6A0-43C9-BD73-08BAB4E06EF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29825" y="321563"/>
            <a:ext cx="1600200" cy="7094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001588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rk_Content text + image">
    <p:bg>
      <p:bgPr>
        <a:solidFill>
          <a:srgbClr val="222C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3A6FBA34-91D9-42CD-A3FE-DC53ABE99F66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438900" y="1989475"/>
            <a:ext cx="5067300" cy="3798375"/>
          </a:xfrm>
          <a:solidFill>
            <a:schemeClr val="bg2"/>
          </a:solidFill>
          <a:ln>
            <a:noFill/>
          </a:ln>
        </p:spPr>
        <p:txBody>
          <a:bodyPr anchor="ctr"/>
          <a:lstStyle>
            <a:lvl1pPr algn="ctr">
              <a:defRPr sz="12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76275" y="697701"/>
            <a:ext cx="9305925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D3720633-DD1E-4523-BB30-553B5199501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676275" y="1989475"/>
            <a:ext cx="4972051" cy="1124923"/>
          </a:xfrm>
        </p:spPr>
        <p:txBody>
          <a:bodyPr wrap="square">
            <a:spAutoFit/>
          </a:bodyPr>
          <a:lstStyle>
            <a:lvl1pPr>
              <a:defRPr sz="1800">
                <a:solidFill>
                  <a:schemeClr val="bg1"/>
                </a:solidFill>
              </a:defRPr>
            </a:lvl1pPr>
            <a:lvl2pPr>
              <a:defRPr/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DBF8A56-100E-4902-968B-3CDFE43D67DF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30459374-C6A0-43C9-BD73-08BAB4E06EF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0029825" y="350901"/>
            <a:ext cx="1600200" cy="6507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687067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2 tex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76275" y="697701"/>
            <a:ext cx="9305926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D3720633-DD1E-4523-BB30-553B5199501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676274" y="1989474"/>
            <a:ext cx="4972050" cy="1124923"/>
          </a:xfrm>
        </p:spPr>
        <p:txBody>
          <a:bodyPr wrap="square">
            <a:spAutoFit/>
          </a:bodyPr>
          <a:lstStyle>
            <a:lvl1pPr>
              <a:defRPr sz="180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10" name="Text Placeholder 18">
            <a:extLst>
              <a:ext uri="{FF2B5EF4-FFF2-40B4-BE49-F238E27FC236}">
                <a16:creationId xmlns:a16="http://schemas.microsoft.com/office/drawing/2014/main" id="{3146CF11-ED2C-4591-88BE-369AC6EB33A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29376" y="1989474"/>
            <a:ext cx="4972050" cy="1124923"/>
          </a:xfrm>
        </p:spPr>
        <p:txBody>
          <a:bodyPr wrap="square">
            <a:spAutoFit/>
          </a:bodyPr>
          <a:lstStyle>
            <a:lvl1pPr>
              <a:defRPr sz="180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E2ED684-1935-43C9-97F6-75241759244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  <p:pic>
        <p:nvPicPr>
          <p:cNvPr id="7" name="Picture 6" descr="Logo&#10;&#10;Description automatically generated">
            <a:extLst>
              <a:ext uri="{FF2B5EF4-FFF2-40B4-BE49-F238E27FC236}">
                <a16:creationId xmlns:a16="http://schemas.microsoft.com/office/drawing/2014/main" id="{816C71C8-7953-4165-B67F-022660AD50D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29825" y="321563"/>
            <a:ext cx="1600200" cy="7094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935623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rk_Content 2 texts">
    <p:bg>
      <p:bgPr>
        <a:solidFill>
          <a:srgbClr val="222C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76275" y="697701"/>
            <a:ext cx="9305926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D3720633-DD1E-4523-BB30-553B5199501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676274" y="1989475"/>
            <a:ext cx="4972050" cy="1124923"/>
          </a:xfrm>
        </p:spPr>
        <p:txBody>
          <a:bodyPr wrap="square">
            <a:spAutoFit/>
          </a:bodyPr>
          <a:lstStyle>
            <a:lvl1pPr>
              <a:defRPr sz="1800">
                <a:solidFill>
                  <a:schemeClr val="bg1"/>
                </a:solidFill>
              </a:defRPr>
            </a:lvl1pPr>
            <a:lvl2pPr>
              <a:defRPr/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10" name="Text Placeholder 18">
            <a:extLst>
              <a:ext uri="{FF2B5EF4-FFF2-40B4-BE49-F238E27FC236}">
                <a16:creationId xmlns:a16="http://schemas.microsoft.com/office/drawing/2014/main" id="{3146CF11-ED2C-4591-88BE-369AC6EB33A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29376" y="1989475"/>
            <a:ext cx="4972050" cy="1124923"/>
          </a:xfrm>
        </p:spPr>
        <p:txBody>
          <a:bodyPr wrap="square">
            <a:spAutoFit/>
          </a:bodyPr>
          <a:lstStyle>
            <a:lvl1pPr>
              <a:defRPr sz="1800">
                <a:solidFill>
                  <a:schemeClr val="bg1"/>
                </a:solidFill>
              </a:defRPr>
            </a:lvl1pPr>
            <a:lvl2pPr>
              <a:defRPr/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E2ED684-1935-43C9-97F6-75241759244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816C71C8-7953-4165-B67F-022660AD50D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0029825" y="350901"/>
            <a:ext cx="1600200" cy="6507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035478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3 tex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76275" y="697701"/>
            <a:ext cx="9305926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D3720633-DD1E-4523-BB30-553B5199501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676275" y="1989474"/>
            <a:ext cx="3159125" cy="1124923"/>
          </a:xfrm>
        </p:spPr>
        <p:txBody>
          <a:bodyPr>
            <a:spAutoFit/>
          </a:bodyPr>
          <a:lstStyle>
            <a:lvl1pPr>
              <a:defRPr sz="180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1832D763-A691-4EC4-9C13-3AFE8C7787E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11674" y="1989474"/>
            <a:ext cx="3159125" cy="1124923"/>
          </a:xfrm>
        </p:spPr>
        <p:txBody>
          <a:bodyPr>
            <a:spAutoFit/>
          </a:bodyPr>
          <a:lstStyle>
            <a:lvl1pPr>
              <a:defRPr sz="180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32815573-BF96-4315-998A-9A2D6B6189C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347071" y="1989474"/>
            <a:ext cx="3159125" cy="1124923"/>
          </a:xfrm>
        </p:spPr>
        <p:txBody>
          <a:bodyPr>
            <a:spAutoFit/>
          </a:bodyPr>
          <a:lstStyle>
            <a:lvl1pPr>
              <a:defRPr sz="180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97E27E1-2C18-42F3-914E-B1AF02DA0F3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  <p:pic>
        <p:nvPicPr>
          <p:cNvPr id="8" name="Picture 7" descr="Logo&#10;&#10;Description automatically generated">
            <a:extLst>
              <a:ext uri="{FF2B5EF4-FFF2-40B4-BE49-F238E27FC236}">
                <a16:creationId xmlns:a16="http://schemas.microsoft.com/office/drawing/2014/main" id="{B30650DF-7F34-484A-862F-F10CA335B1B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29825" y="321563"/>
            <a:ext cx="1600200" cy="7094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5531676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rk_Content 3 texts">
    <p:bg>
      <p:bgPr>
        <a:solidFill>
          <a:srgbClr val="222C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76275" y="697701"/>
            <a:ext cx="9305926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D3720633-DD1E-4523-BB30-553B5199501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676275" y="1989475"/>
            <a:ext cx="3159125" cy="1124923"/>
          </a:xfrm>
        </p:spPr>
        <p:txBody>
          <a:bodyPr>
            <a:spAutoFit/>
          </a:bodyPr>
          <a:lstStyle>
            <a:lvl1pPr>
              <a:defRPr sz="1800">
                <a:solidFill>
                  <a:schemeClr val="bg1"/>
                </a:solidFill>
              </a:defRPr>
            </a:lvl1pPr>
            <a:lvl2pPr>
              <a:defRPr/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1832D763-A691-4EC4-9C13-3AFE8C7787E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11674" y="1989475"/>
            <a:ext cx="3159125" cy="1124923"/>
          </a:xfrm>
        </p:spPr>
        <p:txBody>
          <a:bodyPr>
            <a:spAutoFit/>
          </a:bodyPr>
          <a:lstStyle>
            <a:lvl1pPr>
              <a:defRPr sz="1800">
                <a:solidFill>
                  <a:schemeClr val="bg1"/>
                </a:solidFill>
              </a:defRPr>
            </a:lvl1pPr>
            <a:lvl2pPr>
              <a:defRPr/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32815573-BF96-4315-998A-9A2D6B6189C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347071" y="1989475"/>
            <a:ext cx="3159125" cy="1124923"/>
          </a:xfrm>
        </p:spPr>
        <p:txBody>
          <a:bodyPr>
            <a:spAutoFit/>
          </a:bodyPr>
          <a:lstStyle>
            <a:lvl1pPr>
              <a:defRPr sz="1800">
                <a:solidFill>
                  <a:schemeClr val="bg1"/>
                </a:solidFill>
              </a:defRPr>
            </a:lvl1pPr>
            <a:lvl2pPr>
              <a:defRPr/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97E27E1-2C18-42F3-914E-B1AF02DA0F3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30650DF-7F34-484A-862F-F10CA335B1B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0029825" y="350901"/>
            <a:ext cx="1600200" cy="6507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6500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Zo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phique 4">
            <a:extLst>
              <a:ext uri="{FF2B5EF4-FFF2-40B4-BE49-F238E27FC236}">
                <a16:creationId xmlns:a16="http://schemas.microsoft.com/office/drawing/2014/main" id="{6E955A76-4DF4-C4E4-890A-FCB67DA62AC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39216" y="0"/>
            <a:ext cx="4752783" cy="6858000"/>
          </a:xfrm>
          <a:prstGeom prst="rect">
            <a:avLst/>
          </a:prstGeom>
        </p:spPr>
      </p:pic>
      <p:sp>
        <p:nvSpPr>
          <p:cNvPr id="6" name="Espace réservé du texte 18">
            <a:extLst>
              <a:ext uri="{FF2B5EF4-FFF2-40B4-BE49-F238E27FC236}">
                <a16:creationId xmlns:a16="http://schemas.microsoft.com/office/drawing/2014/main" id="{AC38ED30-139D-2EFF-41F7-F79EB60602AC}"/>
              </a:ext>
            </a:extLst>
          </p:cNvPr>
          <p:cNvSpPr txBox="1">
            <a:spLocks/>
          </p:cNvSpPr>
          <p:nvPr userDrawn="1"/>
        </p:nvSpPr>
        <p:spPr>
          <a:xfrm>
            <a:off x="11766371" y="6432591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rgbClr val="FCDAD9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234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ClrTx/>
              <a:buFont typeface="Wingdings" panose="05000000000000000000" pitchFamily="2" charset="2"/>
              <a:buChar char="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360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Poppins" panose="00000500000000000000" pitchFamily="2" charset="0"/>
              <a:buChar char="–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2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lang="fr-FR" sz="1200" b="1" kern="1200" cap="none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5pPr>
            <a:lvl6pPr marL="114300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4859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7145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9431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fr-FR"/>
              <a:t>.</a:t>
            </a:r>
          </a:p>
        </p:txBody>
      </p:sp>
      <p:sp>
        <p:nvSpPr>
          <p:cNvPr id="4" name="Forme libre : forme 3">
            <a:extLst>
              <a:ext uri="{FF2B5EF4-FFF2-40B4-BE49-F238E27FC236}">
                <a16:creationId xmlns:a16="http://schemas.microsoft.com/office/drawing/2014/main" id="{A547F769-AFEC-6F72-F65F-B730E3B36CDA}"/>
              </a:ext>
            </a:extLst>
          </p:cNvPr>
          <p:cNvSpPr/>
          <p:nvPr/>
        </p:nvSpPr>
        <p:spPr>
          <a:xfrm>
            <a:off x="0" y="4705843"/>
            <a:ext cx="425399" cy="425171"/>
          </a:xfrm>
          <a:custGeom>
            <a:avLst/>
            <a:gdLst>
              <a:gd name="connsiteX0" fmla="*/ 33 w 850355"/>
              <a:gd name="connsiteY0" fmla="*/ 1243 h 850342"/>
              <a:gd name="connsiteX1" fmla="*/ 850389 w 850355"/>
              <a:gd name="connsiteY1" fmla="*/ 1243 h 850342"/>
              <a:gd name="connsiteX2" fmla="*/ 850389 w 850355"/>
              <a:gd name="connsiteY2" fmla="*/ 851586 h 850342"/>
              <a:gd name="connsiteX3" fmla="*/ 33 w 850355"/>
              <a:gd name="connsiteY3" fmla="*/ 851586 h 85034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355" h="850342">
                <a:moveTo>
                  <a:pt x="33" y="1243"/>
                </a:moveTo>
                <a:lnTo>
                  <a:pt x="850389" y="1243"/>
                </a:lnTo>
                <a:lnTo>
                  <a:pt x="850389" y="851586"/>
                </a:lnTo>
                <a:lnTo>
                  <a:pt x="33" y="851586"/>
                </a:lnTo>
                <a:close/>
              </a:path>
            </a:pathLst>
          </a:custGeom>
          <a:solidFill>
            <a:srgbClr val="FCDAD9"/>
          </a:solidFill>
          <a:ln w="12690" cap="flat">
            <a:noFill/>
            <a:prstDash val="solid"/>
            <a:round/>
          </a:ln>
        </p:spPr>
        <p:txBody>
          <a:bodyPr rtlCol="0" anchor="ctr"/>
          <a:lstStyle/>
          <a:p>
            <a:endParaRPr lang="en-US" sz="900"/>
          </a:p>
        </p:txBody>
      </p:sp>
      <p:sp>
        <p:nvSpPr>
          <p:cNvPr id="8" name="Espace réservé du numéro de diapositive 7">
            <a:extLst>
              <a:ext uri="{FF2B5EF4-FFF2-40B4-BE49-F238E27FC236}">
                <a16:creationId xmlns:a16="http://schemas.microsoft.com/office/drawing/2014/main" id="{342390E6-1256-1F89-B632-F492E291C7F2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16" name="Forme libre : forme 15">
            <a:extLst>
              <a:ext uri="{FF2B5EF4-FFF2-40B4-BE49-F238E27FC236}">
                <a16:creationId xmlns:a16="http://schemas.microsoft.com/office/drawing/2014/main" id="{9C33EECE-6BEE-C8C3-E903-1C03326AFE4F}"/>
              </a:ext>
            </a:extLst>
          </p:cNvPr>
          <p:cNvSpPr/>
          <p:nvPr/>
        </p:nvSpPr>
        <p:spPr>
          <a:xfrm>
            <a:off x="195364" y="6643880"/>
            <a:ext cx="475520" cy="84790"/>
          </a:xfrm>
          <a:custGeom>
            <a:avLst/>
            <a:gdLst>
              <a:gd name="connsiteX0" fmla="*/ 45265 w 950545"/>
              <a:gd name="connsiteY0" fmla="*/ -13 h 169580"/>
              <a:gd name="connsiteX1" fmla="*/ 7 w 950545"/>
              <a:gd name="connsiteY1" fmla="*/ -13 h 169580"/>
              <a:gd name="connsiteX2" fmla="*/ 7 w 950545"/>
              <a:gd name="connsiteY2" fmla="*/ 45233 h 169580"/>
              <a:gd name="connsiteX3" fmla="*/ 45265 w 950545"/>
              <a:gd name="connsiteY3" fmla="*/ 45233 h 169580"/>
              <a:gd name="connsiteX4" fmla="*/ 45265 w 950545"/>
              <a:gd name="connsiteY4" fmla="*/ -13 h 169580"/>
              <a:gd name="connsiteX5" fmla="*/ 7 w 950545"/>
              <a:gd name="connsiteY5" fmla="*/ 57079 h 169580"/>
              <a:gd name="connsiteX6" fmla="*/ 7 w 950545"/>
              <a:gd name="connsiteY6" fmla="*/ 166881 h 169580"/>
              <a:gd name="connsiteX7" fmla="*/ 45265 w 950545"/>
              <a:gd name="connsiteY7" fmla="*/ 166881 h 169580"/>
              <a:gd name="connsiteX8" fmla="*/ 45265 w 950545"/>
              <a:gd name="connsiteY8" fmla="*/ 57079 h 169580"/>
              <a:gd name="connsiteX9" fmla="*/ 7 w 950545"/>
              <a:gd name="connsiteY9" fmla="*/ 57079 h 169580"/>
              <a:gd name="connsiteX10" fmla="*/ 903837 w 950545"/>
              <a:gd name="connsiteY10" fmla="*/ 55344 h 169580"/>
              <a:gd name="connsiteX11" fmla="*/ 850279 w 950545"/>
              <a:gd name="connsiteY11" fmla="*/ 76490 h 169580"/>
              <a:gd name="connsiteX12" fmla="*/ 809125 w 950545"/>
              <a:gd name="connsiteY12" fmla="*/ 55344 h 169580"/>
              <a:gd name="connsiteX13" fmla="*/ 759749 w 950545"/>
              <a:gd name="connsiteY13" fmla="*/ 75451 h 169580"/>
              <a:gd name="connsiteX14" fmla="*/ 759749 w 950545"/>
              <a:gd name="connsiteY14" fmla="*/ 57079 h 169580"/>
              <a:gd name="connsiteX15" fmla="*/ 714503 w 950545"/>
              <a:gd name="connsiteY15" fmla="*/ 57079 h 169580"/>
              <a:gd name="connsiteX16" fmla="*/ 714503 w 950545"/>
              <a:gd name="connsiteY16" fmla="*/ 166868 h 169580"/>
              <a:gd name="connsiteX17" fmla="*/ 759749 w 950545"/>
              <a:gd name="connsiteY17" fmla="*/ 166881 h 169580"/>
              <a:gd name="connsiteX18" fmla="*/ 759749 w 950545"/>
              <a:gd name="connsiteY18" fmla="*/ 107634 h 169580"/>
              <a:gd name="connsiteX19" fmla="*/ 789550 w 950545"/>
              <a:gd name="connsiteY19" fmla="*/ 93735 h 169580"/>
              <a:gd name="connsiteX20" fmla="*/ 810582 w 950545"/>
              <a:gd name="connsiteY20" fmla="*/ 120621 h 169580"/>
              <a:gd name="connsiteX21" fmla="*/ 810582 w 950545"/>
              <a:gd name="connsiteY21" fmla="*/ 166881 h 169580"/>
              <a:gd name="connsiteX22" fmla="*/ 855828 w 950545"/>
              <a:gd name="connsiteY22" fmla="*/ 166881 h 169580"/>
              <a:gd name="connsiteX23" fmla="*/ 855765 w 950545"/>
              <a:gd name="connsiteY23" fmla="*/ 106481 h 169580"/>
              <a:gd name="connsiteX24" fmla="*/ 884273 w 950545"/>
              <a:gd name="connsiteY24" fmla="*/ 93735 h 169580"/>
              <a:gd name="connsiteX25" fmla="*/ 905306 w 950545"/>
              <a:gd name="connsiteY25" fmla="*/ 120621 h 169580"/>
              <a:gd name="connsiteX26" fmla="*/ 905306 w 950545"/>
              <a:gd name="connsiteY26" fmla="*/ 166881 h 169580"/>
              <a:gd name="connsiteX27" fmla="*/ 950552 w 950545"/>
              <a:gd name="connsiteY27" fmla="*/ 166881 h 169580"/>
              <a:gd name="connsiteX28" fmla="*/ 950552 w 950545"/>
              <a:gd name="connsiteY28" fmla="*/ 100868 h 169580"/>
              <a:gd name="connsiteX29" fmla="*/ 903837 w 950545"/>
              <a:gd name="connsiteY29" fmla="*/ 55344 h 169580"/>
              <a:gd name="connsiteX30" fmla="*/ 646045 w 950545"/>
              <a:gd name="connsiteY30" fmla="*/ 115705 h 169580"/>
              <a:gd name="connsiteX31" fmla="*/ 611125 w 950545"/>
              <a:gd name="connsiteY31" fmla="*/ 129453 h 169580"/>
              <a:gd name="connsiteX32" fmla="*/ 584897 w 950545"/>
              <a:gd name="connsiteY32" fmla="*/ 102857 h 169580"/>
              <a:gd name="connsiteX33" fmla="*/ 584897 w 950545"/>
              <a:gd name="connsiteY33" fmla="*/ 57079 h 169580"/>
              <a:gd name="connsiteX34" fmla="*/ 539652 w 950545"/>
              <a:gd name="connsiteY34" fmla="*/ 57079 h 169580"/>
              <a:gd name="connsiteX35" fmla="*/ 539652 w 950545"/>
              <a:gd name="connsiteY35" fmla="*/ 120583 h 169580"/>
              <a:gd name="connsiteX36" fmla="*/ 593577 w 950545"/>
              <a:gd name="connsiteY36" fmla="*/ 167438 h 169580"/>
              <a:gd name="connsiteX37" fmla="*/ 646045 w 950545"/>
              <a:gd name="connsiteY37" fmla="*/ 151157 h 169580"/>
              <a:gd name="connsiteX38" fmla="*/ 646045 w 950545"/>
              <a:gd name="connsiteY38" fmla="*/ 166881 h 169580"/>
              <a:gd name="connsiteX39" fmla="*/ 691291 w 950545"/>
              <a:gd name="connsiteY39" fmla="*/ 166881 h 169580"/>
              <a:gd name="connsiteX40" fmla="*/ 691291 w 950545"/>
              <a:gd name="connsiteY40" fmla="*/ 57079 h 169580"/>
              <a:gd name="connsiteX41" fmla="*/ 646045 w 950545"/>
              <a:gd name="connsiteY41" fmla="*/ 57079 h 169580"/>
              <a:gd name="connsiteX42" fmla="*/ 646045 w 950545"/>
              <a:gd name="connsiteY42" fmla="*/ 115705 h 169580"/>
              <a:gd name="connsiteX43" fmla="*/ 345022 w 950545"/>
              <a:gd name="connsiteY43" fmla="*/ 94508 h 169580"/>
              <a:gd name="connsiteX44" fmla="*/ 316703 w 950545"/>
              <a:gd name="connsiteY44" fmla="*/ 83636 h 169580"/>
              <a:gd name="connsiteX45" fmla="*/ 288917 w 950545"/>
              <a:gd name="connsiteY45" fmla="*/ 94508 h 169580"/>
              <a:gd name="connsiteX46" fmla="*/ 345022 w 950545"/>
              <a:gd name="connsiteY46" fmla="*/ 94508 h 169580"/>
              <a:gd name="connsiteX47" fmla="*/ 392371 w 950545"/>
              <a:gd name="connsiteY47" fmla="*/ 119418 h 169580"/>
              <a:gd name="connsiteX48" fmla="*/ 286674 w 950545"/>
              <a:gd name="connsiteY48" fmla="*/ 119418 h 169580"/>
              <a:gd name="connsiteX49" fmla="*/ 315094 w 950545"/>
              <a:gd name="connsiteY49" fmla="*/ 134280 h 169580"/>
              <a:gd name="connsiteX50" fmla="*/ 340258 w 950545"/>
              <a:gd name="connsiteY50" fmla="*/ 130327 h 169580"/>
              <a:gd name="connsiteX51" fmla="*/ 389482 w 950545"/>
              <a:gd name="connsiteY51" fmla="*/ 130327 h 169580"/>
              <a:gd name="connsiteX52" fmla="*/ 315094 w 950545"/>
              <a:gd name="connsiteY52" fmla="*/ 169567 h 169580"/>
              <a:gd name="connsiteX53" fmla="*/ 241150 w 950545"/>
              <a:gd name="connsiteY53" fmla="*/ 111980 h 169580"/>
              <a:gd name="connsiteX54" fmla="*/ 316957 w 950545"/>
              <a:gd name="connsiteY54" fmla="*/ 54381 h 169580"/>
              <a:gd name="connsiteX55" fmla="*/ 392371 w 950545"/>
              <a:gd name="connsiteY55" fmla="*/ 119418 h 169580"/>
              <a:gd name="connsiteX56" fmla="*/ 474171 w 950545"/>
              <a:gd name="connsiteY56" fmla="*/ 22616 h 169580"/>
              <a:gd name="connsiteX57" fmla="*/ 428925 w 950545"/>
              <a:gd name="connsiteY57" fmla="*/ 22616 h 169580"/>
              <a:gd name="connsiteX58" fmla="*/ 428925 w 950545"/>
              <a:gd name="connsiteY58" fmla="*/ 57079 h 169580"/>
              <a:gd name="connsiteX59" fmla="*/ 404636 w 950545"/>
              <a:gd name="connsiteY59" fmla="*/ 57079 h 169580"/>
              <a:gd name="connsiteX60" fmla="*/ 404636 w 950545"/>
              <a:gd name="connsiteY60" fmla="*/ 93760 h 169580"/>
              <a:gd name="connsiteX61" fmla="*/ 428925 w 950545"/>
              <a:gd name="connsiteY61" fmla="*/ 93760 h 169580"/>
              <a:gd name="connsiteX62" fmla="*/ 428925 w 950545"/>
              <a:gd name="connsiteY62" fmla="*/ 166881 h 169580"/>
              <a:gd name="connsiteX63" fmla="*/ 519417 w 950545"/>
              <a:gd name="connsiteY63" fmla="*/ 166881 h 169580"/>
              <a:gd name="connsiteX64" fmla="*/ 519417 w 950545"/>
              <a:gd name="connsiteY64" fmla="*/ 130073 h 169580"/>
              <a:gd name="connsiteX65" fmla="*/ 474171 w 950545"/>
              <a:gd name="connsiteY65" fmla="*/ 130073 h 169580"/>
              <a:gd name="connsiteX66" fmla="*/ 474171 w 950545"/>
              <a:gd name="connsiteY66" fmla="*/ 93760 h 169580"/>
              <a:gd name="connsiteX67" fmla="*/ 519417 w 950545"/>
              <a:gd name="connsiteY67" fmla="*/ 93760 h 169580"/>
              <a:gd name="connsiteX68" fmla="*/ 519417 w 950545"/>
              <a:gd name="connsiteY68" fmla="*/ 57079 h 169580"/>
              <a:gd name="connsiteX69" fmla="*/ 474171 w 950545"/>
              <a:gd name="connsiteY69" fmla="*/ 57079 h 169580"/>
              <a:gd name="connsiteX70" fmla="*/ 474171 w 950545"/>
              <a:gd name="connsiteY70" fmla="*/ 22616 h 169580"/>
              <a:gd name="connsiteX71" fmla="*/ 222283 w 950545"/>
              <a:gd name="connsiteY71" fmla="*/ 104999 h 169580"/>
              <a:gd name="connsiteX72" fmla="*/ 222283 w 950545"/>
              <a:gd name="connsiteY72" fmla="*/ 166881 h 169580"/>
              <a:gd name="connsiteX73" fmla="*/ 177038 w 950545"/>
              <a:gd name="connsiteY73" fmla="*/ 166881 h 169580"/>
              <a:gd name="connsiteX74" fmla="*/ 177038 w 950545"/>
              <a:gd name="connsiteY74" fmla="*/ 123333 h 169580"/>
              <a:gd name="connsiteX75" fmla="*/ 150113 w 950545"/>
              <a:gd name="connsiteY75" fmla="*/ 95623 h 169580"/>
              <a:gd name="connsiteX76" fmla="*/ 113711 w 950545"/>
              <a:gd name="connsiteY76" fmla="*/ 109953 h 169580"/>
              <a:gd name="connsiteX77" fmla="*/ 113711 w 950545"/>
              <a:gd name="connsiteY77" fmla="*/ 166881 h 169580"/>
              <a:gd name="connsiteX78" fmla="*/ 68478 w 950545"/>
              <a:gd name="connsiteY78" fmla="*/ 166881 h 169580"/>
              <a:gd name="connsiteX79" fmla="*/ 68478 w 950545"/>
              <a:gd name="connsiteY79" fmla="*/ 57079 h 169580"/>
              <a:gd name="connsiteX80" fmla="*/ 113711 w 950545"/>
              <a:gd name="connsiteY80" fmla="*/ 57079 h 169580"/>
              <a:gd name="connsiteX81" fmla="*/ 113711 w 950545"/>
              <a:gd name="connsiteY81" fmla="*/ 73006 h 169580"/>
              <a:gd name="connsiteX82" fmla="*/ 168396 w 950545"/>
              <a:gd name="connsiteY82" fmla="*/ 56028 h 169580"/>
              <a:gd name="connsiteX83" fmla="*/ 222283 w 950545"/>
              <a:gd name="connsiteY83" fmla="*/ 104999 h 1695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</a:cxnLst>
            <a:rect l="l" t="t" r="r" b="b"/>
            <a:pathLst>
              <a:path w="950545" h="169580">
                <a:moveTo>
                  <a:pt x="45265" y="-13"/>
                </a:moveTo>
                <a:lnTo>
                  <a:pt x="7" y="-13"/>
                </a:lnTo>
                <a:lnTo>
                  <a:pt x="7" y="45233"/>
                </a:lnTo>
                <a:lnTo>
                  <a:pt x="45265" y="45233"/>
                </a:lnTo>
                <a:lnTo>
                  <a:pt x="45265" y="-13"/>
                </a:lnTo>
                <a:close/>
                <a:moveTo>
                  <a:pt x="7" y="57079"/>
                </a:moveTo>
                <a:lnTo>
                  <a:pt x="7" y="166881"/>
                </a:lnTo>
                <a:lnTo>
                  <a:pt x="45265" y="166881"/>
                </a:lnTo>
                <a:lnTo>
                  <a:pt x="45265" y="57079"/>
                </a:lnTo>
                <a:lnTo>
                  <a:pt x="7" y="57079"/>
                </a:lnTo>
                <a:close/>
                <a:moveTo>
                  <a:pt x="903837" y="55344"/>
                </a:moveTo>
                <a:cubicBezTo>
                  <a:pt x="877140" y="55344"/>
                  <a:pt x="861251" y="63744"/>
                  <a:pt x="850279" y="76490"/>
                </a:cubicBezTo>
                <a:cubicBezTo>
                  <a:pt x="841688" y="60386"/>
                  <a:pt x="822835" y="55344"/>
                  <a:pt x="809125" y="55344"/>
                </a:cubicBezTo>
                <a:cubicBezTo>
                  <a:pt x="782429" y="55344"/>
                  <a:pt x="769442" y="66303"/>
                  <a:pt x="759749" y="75451"/>
                </a:cubicBezTo>
                <a:lnTo>
                  <a:pt x="759749" y="57079"/>
                </a:lnTo>
                <a:lnTo>
                  <a:pt x="714503" y="57079"/>
                </a:lnTo>
                <a:lnTo>
                  <a:pt x="714503" y="166868"/>
                </a:lnTo>
                <a:lnTo>
                  <a:pt x="759749" y="166881"/>
                </a:lnTo>
                <a:lnTo>
                  <a:pt x="759749" y="107634"/>
                </a:lnTo>
                <a:cubicBezTo>
                  <a:pt x="769074" y="98499"/>
                  <a:pt x="778400" y="93735"/>
                  <a:pt x="789550" y="93735"/>
                </a:cubicBezTo>
                <a:cubicBezTo>
                  <a:pt x="805641" y="93735"/>
                  <a:pt x="810582" y="101780"/>
                  <a:pt x="810582" y="120621"/>
                </a:cubicBezTo>
                <a:lnTo>
                  <a:pt x="810582" y="166881"/>
                </a:lnTo>
                <a:lnTo>
                  <a:pt x="855828" y="166881"/>
                </a:lnTo>
                <a:lnTo>
                  <a:pt x="855765" y="106481"/>
                </a:lnTo>
                <a:cubicBezTo>
                  <a:pt x="865090" y="97346"/>
                  <a:pt x="873124" y="93735"/>
                  <a:pt x="884273" y="93735"/>
                </a:cubicBezTo>
                <a:cubicBezTo>
                  <a:pt x="900365" y="93735"/>
                  <a:pt x="905306" y="101780"/>
                  <a:pt x="905306" y="120621"/>
                </a:cubicBezTo>
                <a:lnTo>
                  <a:pt x="905306" y="166881"/>
                </a:lnTo>
                <a:lnTo>
                  <a:pt x="950552" y="166881"/>
                </a:lnTo>
                <a:lnTo>
                  <a:pt x="950552" y="100868"/>
                </a:lnTo>
                <a:cubicBezTo>
                  <a:pt x="950552" y="63022"/>
                  <a:pt x="923045" y="55344"/>
                  <a:pt x="903837" y="55344"/>
                </a:cubicBezTo>
                <a:moveTo>
                  <a:pt x="646045" y="115705"/>
                </a:moveTo>
                <a:cubicBezTo>
                  <a:pt x="637543" y="123840"/>
                  <a:pt x="623973" y="129453"/>
                  <a:pt x="611125" y="129453"/>
                </a:cubicBezTo>
                <a:cubicBezTo>
                  <a:pt x="591587" y="129453"/>
                  <a:pt x="584897" y="121496"/>
                  <a:pt x="584897" y="102857"/>
                </a:cubicBezTo>
                <a:lnTo>
                  <a:pt x="584897" y="57079"/>
                </a:lnTo>
                <a:lnTo>
                  <a:pt x="539652" y="57079"/>
                </a:lnTo>
                <a:lnTo>
                  <a:pt x="539652" y="120583"/>
                </a:lnTo>
                <a:cubicBezTo>
                  <a:pt x="539652" y="159849"/>
                  <a:pt x="569148" y="167438"/>
                  <a:pt x="593577" y="167438"/>
                </a:cubicBezTo>
                <a:cubicBezTo>
                  <a:pt x="616371" y="167438"/>
                  <a:pt x="633020" y="160204"/>
                  <a:pt x="646045" y="151157"/>
                </a:cubicBezTo>
                <a:lnTo>
                  <a:pt x="646045" y="166881"/>
                </a:lnTo>
                <a:lnTo>
                  <a:pt x="691291" y="166881"/>
                </a:lnTo>
                <a:lnTo>
                  <a:pt x="691291" y="57079"/>
                </a:lnTo>
                <a:lnTo>
                  <a:pt x="646045" y="57079"/>
                </a:lnTo>
                <a:lnTo>
                  <a:pt x="646045" y="115705"/>
                </a:lnTo>
                <a:close/>
                <a:moveTo>
                  <a:pt x="345022" y="94508"/>
                </a:moveTo>
                <a:cubicBezTo>
                  <a:pt x="339801" y="87083"/>
                  <a:pt x="328601" y="83636"/>
                  <a:pt x="316703" y="83636"/>
                </a:cubicBezTo>
                <a:cubicBezTo>
                  <a:pt x="304806" y="83636"/>
                  <a:pt x="293732" y="87083"/>
                  <a:pt x="288917" y="94508"/>
                </a:cubicBezTo>
                <a:lnTo>
                  <a:pt x="345022" y="94508"/>
                </a:lnTo>
                <a:close/>
                <a:moveTo>
                  <a:pt x="392371" y="119418"/>
                </a:moveTo>
                <a:lnTo>
                  <a:pt x="286674" y="119418"/>
                </a:lnTo>
                <a:cubicBezTo>
                  <a:pt x="290387" y="131302"/>
                  <a:pt x="302829" y="134280"/>
                  <a:pt x="315094" y="134280"/>
                </a:cubicBezTo>
                <a:cubicBezTo>
                  <a:pt x="327169" y="134280"/>
                  <a:pt x="333846" y="133659"/>
                  <a:pt x="340258" y="130327"/>
                </a:cubicBezTo>
                <a:lnTo>
                  <a:pt x="389482" y="130327"/>
                </a:lnTo>
                <a:cubicBezTo>
                  <a:pt x="382323" y="156681"/>
                  <a:pt x="358490" y="169567"/>
                  <a:pt x="315094" y="169567"/>
                </a:cubicBezTo>
                <a:cubicBezTo>
                  <a:pt x="271432" y="169567"/>
                  <a:pt x="241150" y="153222"/>
                  <a:pt x="241150" y="111980"/>
                </a:cubicBezTo>
                <a:cubicBezTo>
                  <a:pt x="241150" y="70738"/>
                  <a:pt x="271432" y="54381"/>
                  <a:pt x="316957" y="54381"/>
                </a:cubicBezTo>
                <a:cubicBezTo>
                  <a:pt x="362849" y="54381"/>
                  <a:pt x="392371" y="70738"/>
                  <a:pt x="392371" y="119418"/>
                </a:cubicBezTo>
                <a:moveTo>
                  <a:pt x="474171" y="22616"/>
                </a:moveTo>
                <a:lnTo>
                  <a:pt x="428925" y="22616"/>
                </a:lnTo>
                <a:lnTo>
                  <a:pt x="428925" y="57079"/>
                </a:lnTo>
                <a:lnTo>
                  <a:pt x="404636" y="57079"/>
                </a:lnTo>
                <a:lnTo>
                  <a:pt x="404636" y="93760"/>
                </a:lnTo>
                <a:lnTo>
                  <a:pt x="428925" y="93760"/>
                </a:lnTo>
                <a:lnTo>
                  <a:pt x="428925" y="166881"/>
                </a:lnTo>
                <a:lnTo>
                  <a:pt x="519417" y="166881"/>
                </a:lnTo>
                <a:lnTo>
                  <a:pt x="519417" y="130073"/>
                </a:lnTo>
                <a:lnTo>
                  <a:pt x="474171" y="130073"/>
                </a:lnTo>
                <a:lnTo>
                  <a:pt x="474171" y="93760"/>
                </a:lnTo>
                <a:lnTo>
                  <a:pt x="519417" y="93760"/>
                </a:lnTo>
                <a:lnTo>
                  <a:pt x="519417" y="57079"/>
                </a:lnTo>
                <a:lnTo>
                  <a:pt x="474171" y="57079"/>
                </a:lnTo>
                <a:lnTo>
                  <a:pt x="474171" y="22616"/>
                </a:lnTo>
                <a:close/>
                <a:moveTo>
                  <a:pt x="222283" y="104999"/>
                </a:moveTo>
                <a:lnTo>
                  <a:pt x="222283" y="166881"/>
                </a:lnTo>
                <a:lnTo>
                  <a:pt x="177038" y="166881"/>
                </a:lnTo>
                <a:lnTo>
                  <a:pt x="177038" y="123333"/>
                </a:lnTo>
                <a:cubicBezTo>
                  <a:pt x="177038" y="103922"/>
                  <a:pt x="170462" y="95623"/>
                  <a:pt x="150113" y="95623"/>
                </a:cubicBezTo>
                <a:cubicBezTo>
                  <a:pt x="136720" y="95623"/>
                  <a:pt x="122580" y="101476"/>
                  <a:pt x="113711" y="109953"/>
                </a:cubicBezTo>
                <a:lnTo>
                  <a:pt x="113711" y="166881"/>
                </a:lnTo>
                <a:lnTo>
                  <a:pt x="68478" y="166881"/>
                </a:lnTo>
                <a:lnTo>
                  <a:pt x="68478" y="57079"/>
                </a:lnTo>
                <a:lnTo>
                  <a:pt x="113711" y="57079"/>
                </a:lnTo>
                <a:lnTo>
                  <a:pt x="113711" y="73006"/>
                </a:lnTo>
                <a:cubicBezTo>
                  <a:pt x="127294" y="63567"/>
                  <a:pt x="144639" y="56028"/>
                  <a:pt x="168396" y="56028"/>
                </a:cubicBezTo>
                <a:cubicBezTo>
                  <a:pt x="193851" y="56028"/>
                  <a:pt x="222283" y="64086"/>
                  <a:pt x="222283" y="104999"/>
                </a:cubicBezTo>
              </a:path>
            </a:pathLst>
          </a:custGeom>
          <a:solidFill>
            <a:srgbClr val="232D4B"/>
          </a:solidFill>
          <a:ln w="12664" cap="flat">
            <a:noFill/>
            <a:prstDash val="solid"/>
            <a:round/>
          </a:ln>
        </p:spPr>
        <p:txBody>
          <a:bodyPr rtlCol="0" anchor="ctr"/>
          <a:lstStyle/>
          <a:p>
            <a:endParaRPr lang="fr-FR" sz="900"/>
          </a:p>
        </p:txBody>
      </p:sp>
      <p:sp>
        <p:nvSpPr>
          <p:cNvPr id="17" name="Forme libre : forme 16">
            <a:extLst>
              <a:ext uri="{FF2B5EF4-FFF2-40B4-BE49-F238E27FC236}">
                <a16:creationId xmlns:a16="http://schemas.microsoft.com/office/drawing/2014/main" id="{3951D344-ED04-7D24-72D8-23E84E6B95B6}"/>
              </a:ext>
            </a:extLst>
          </p:cNvPr>
          <p:cNvSpPr/>
          <p:nvPr/>
        </p:nvSpPr>
        <p:spPr>
          <a:xfrm>
            <a:off x="693519" y="6659478"/>
            <a:ext cx="67904" cy="67875"/>
          </a:xfrm>
          <a:custGeom>
            <a:avLst/>
            <a:gdLst>
              <a:gd name="connsiteX0" fmla="*/ 45299 w 135737"/>
              <a:gd name="connsiteY0" fmla="*/ 90495 h 135750"/>
              <a:gd name="connsiteX1" fmla="*/ 53 w 135737"/>
              <a:gd name="connsiteY1" fmla="*/ 90495 h 135750"/>
              <a:gd name="connsiteX2" fmla="*/ 53 w 135737"/>
              <a:gd name="connsiteY2" fmla="*/ 135740 h 135750"/>
              <a:gd name="connsiteX3" fmla="*/ 45299 w 135737"/>
              <a:gd name="connsiteY3" fmla="*/ 135740 h 135750"/>
              <a:gd name="connsiteX4" fmla="*/ 45299 w 135737"/>
              <a:gd name="connsiteY4" fmla="*/ 90495 h 135750"/>
              <a:gd name="connsiteX5" fmla="*/ 45299 w 135737"/>
              <a:gd name="connsiteY5" fmla="*/ -10 h 135750"/>
              <a:gd name="connsiteX6" fmla="*/ 45299 w 135737"/>
              <a:gd name="connsiteY6" fmla="*/ 45249 h 135750"/>
              <a:gd name="connsiteX7" fmla="*/ 90545 w 135737"/>
              <a:gd name="connsiteY7" fmla="*/ 45249 h 135750"/>
              <a:gd name="connsiteX8" fmla="*/ 90545 w 135737"/>
              <a:gd name="connsiteY8" fmla="*/ 90495 h 135750"/>
              <a:gd name="connsiteX9" fmla="*/ 135791 w 135737"/>
              <a:gd name="connsiteY9" fmla="*/ 90495 h 135750"/>
              <a:gd name="connsiteX10" fmla="*/ 135791 w 135737"/>
              <a:gd name="connsiteY10" fmla="*/ -10 h 135750"/>
              <a:gd name="connsiteX11" fmla="*/ 45299 w 135737"/>
              <a:gd name="connsiteY11" fmla="*/ -10 h 1357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35737" h="135750">
                <a:moveTo>
                  <a:pt x="45299" y="90495"/>
                </a:moveTo>
                <a:lnTo>
                  <a:pt x="53" y="90495"/>
                </a:lnTo>
                <a:lnTo>
                  <a:pt x="53" y="135740"/>
                </a:lnTo>
                <a:lnTo>
                  <a:pt x="45299" y="135740"/>
                </a:lnTo>
                <a:lnTo>
                  <a:pt x="45299" y="90495"/>
                </a:lnTo>
                <a:close/>
                <a:moveTo>
                  <a:pt x="45299" y="-10"/>
                </a:moveTo>
                <a:lnTo>
                  <a:pt x="45299" y="45249"/>
                </a:lnTo>
                <a:lnTo>
                  <a:pt x="90545" y="45249"/>
                </a:lnTo>
                <a:lnTo>
                  <a:pt x="90545" y="90495"/>
                </a:lnTo>
                <a:lnTo>
                  <a:pt x="135791" y="90495"/>
                </a:lnTo>
                <a:lnTo>
                  <a:pt x="135791" y="-10"/>
                </a:lnTo>
                <a:lnTo>
                  <a:pt x="45299" y="-10"/>
                </a:lnTo>
                <a:close/>
              </a:path>
            </a:pathLst>
          </a:custGeom>
          <a:solidFill>
            <a:schemeClr val="accent3"/>
          </a:solidFill>
          <a:ln w="12664" cap="flat">
            <a:noFill/>
            <a:prstDash val="solid"/>
            <a:round/>
          </a:ln>
        </p:spPr>
        <p:txBody>
          <a:bodyPr rtlCol="0" anchor="ctr"/>
          <a:lstStyle/>
          <a:p>
            <a:endParaRPr lang="fr-FR" sz="900"/>
          </a:p>
        </p:txBody>
      </p:sp>
      <p:sp>
        <p:nvSpPr>
          <p:cNvPr id="2" name="Espace réservé du texte 10">
            <a:extLst>
              <a:ext uri="{FF2B5EF4-FFF2-40B4-BE49-F238E27FC236}">
                <a16:creationId xmlns:a16="http://schemas.microsoft.com/office/drawing/2014/main" id="{64ECF5DA-3DD5-EF86-2208-52C503A0657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81330" y="380016"/>
            <a:ext cx="11658190" cy="579902"/>
          </a:xfrm>
        </p:spPr>
        <p:txBody>
          <a:bodyPr/>
          <a:lstStyle>
            <a:lvl1pPr>
              <a:defRPr lang="fr-FR" sz="1800" b="1" i="0" u="none" strike="noStrike" kern="1200" baseline="0" smtClean="0">
                <a:solidFill>
                  <a:srgbClr val="005573"/>
                </a:solidFill>
                <a:latin typeface="Poppins" panose="00000500000000000000" pitchFamily="2" charset="0"/>
                <a:ea typeface="+mn-ea"/>
                <a:cs typeface="Poppins" panose="00000500000000000000" pitchFamily="2" charset="0"/>
              </a:defRPr>
            </a:lvl1pPr>
            <a:lvl2pPr marL="0" indent="0">
              <a:buNone/>
              <a:defRPr lang="en-US" sz="1800" b="0" i="0" u="none" strike="noStrike" kern="1200" baseline="0" smtClean="0">
                <a:solidFill>
                  <a:srgbClr val="F5908D"/>
                </a:solidFill>
                <a:latin typeface="Poppins Light" panose="00000400000000000000" pitchFamily="2" charset="0"/>
                <a:ea typeface="+mn-ea"/>
                <a:cs typeface="Poppins Light" panose="00000400000000000000" pitchFamily="2" charset="0"/>
              </a:defRPr>
            </a:lvl2pPr>
          </a:lstStyle>
          <a:p>
            <a:pPr lvl="0"/>
            <a:r>
              <a:rPr lang="en-US"/>
              <a:t>Title</a:t>
            </a:r>
          </a:p>
          <a:p>
            <a:pPr lvl="1"/>
            <a:r>
              <a:rPr lang="en-US"/>
              <a:t>Subtitle</a:t>
            </a:r>
          </a:p>
        </p:txBody>
      </p:sp>
      <p:sp>
        <p:nvSpPr>
          <p:cNvPr id="23" name="Espace réservé pour une image  24">
            <a:extLst>
              <a:ext uri="{FF2B5EF4-FFF2-40B4-BE49-F238E27FC236}">
                <a16:creationId xmlns:a16="http://schemas.microsoft.com/office/drawing/2014/main" id="{DF233085-0D03-22EF-A607-19121F455FBA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9113226" y="2327625"/>
            <a:ext cx="2262374" cy="1399826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24" name="Espace réservé pour une image  24">
            <a:extLst>
              <a:ext uri="{FF2B5EF4-FFF2-40B4-BE49-F238E27FC236}">
                <a16:creationId xmlns:a16="http://schemas.microsoft.com/office/drawing/2014/main" id="{6BF3814A-0AD5-C74B-99CB-BFC636F66A6C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9113226" y="4704107"/>
            <a:ext cx="2262374" cy="1399826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r>
              <a:rPr lang="fr-FR"/>
              <a:t>                      </a:t>
            </a:r>
          </a:p>
        </p:txBody>
      </p:sp>
      <p:sp>
        <p:nvSpPr>
          <p:cNvPr id="25" name="Espace réservé du texte 37">
            <a:extLst>
              <a:ext uri="{FF2B5EF4-FFF2-40B4-BE49-F238E27FC236}">
                <a16:creationId xmlns:a16="http://schemas.microsoft.com/office/drawing/2014/main" id="{D4F3789A-0631-5885-A754-B4C77211D49B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127941" y="1718095"/>
            <a:ext cx="2437736" cy="411075"/>
          </a:xfrm>
        </p:spPr>
        <p:txBody>
          <a:bodyPr/>
          <a:lstStyle>
            <a:lvl1pPr>
              <a:spcAft>
                <a:spcPts val="0"/>
              </a:spcAft>
              <a:defRPr/>
            </a:lvl1pPr>
          </a:lstStyle>
          <a:p>
            <a:pPr lvl="4"/>
            <a:r>
              <a:rPr lang="en-US"/>
              <a:t>Lorem ipsum</a:t>
            </a:r>
          </a:p>
          <a:p>
            <a:pPr lvl="0"/>
            <a:r>
              <a:rPr lang="en-US"/>
              <a:t>Dolor sit amet</a:t>
            </a:r>
          </a:p>
        </p:txBody>
      </p:sp>
      <p:sp>
        <p:nvSpPr>
          <p:cNvPr id="26" name="Espace réservé du texte 37">
            <a:extLst>
              <a:ext uri="{FF2B5EF4-FFF2-40B4-BE49-F238E27FC236}">
                <a16:creationId xmlns:a16="http://schemas.microsoft.com/office/drawing/2014/main" id="{4639099E-4333-5649-7050-CB2F173B29C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9113226" y="4084540"/>
            <a:ext cx="2437736" cy="411075"/>
          </a:xfrm>
        </p:spPr>
        <p:txBody>
          <a:bodyPr/>
          <a:lstStyle>
            <a:lvl1pPr>
              <a:spcAft>
                <a:spcPts val="0"/>
              </a:spcAft>
              <a:defRPr/>
            </a:lvl1pPr>
          </a:lstStyle>
          <a:p>
            <a:pPr lvl="4"/>
            <a:r>
              <a:rPr lang="en-US"/>
              <a:t>Lorem ipsum</a:t>
            </a:r>
          </a:p>
          <a:p>
            <a:pPr lvl="0"/>
            <a:r>
              <a:rPr lang="en-US"/>
              <a:t>Dolor sit amet</a:t>
            </a:r>
          </a:p>
        </p:txBody>
      </p:sp>
      <p:sp>
        <p:nvSpPr>
          <p:cNvPr id="3" name="Espace réservé du pied de page 2">
            <a:extLst>
              <a:ext uri="{FF2B5EF4-FFF2-40B4-BE49-F238E27FC236}">
                <a16:creationId xmlns:a16="http://schemas.microsoft.com/office/drawing/2014/main" id="{4507A837-0E97-73A2-5953-8C77F9A7DC82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  <p:sp>
        <p:nvSpPr>
          <p:cNvPr id="10" name="Espace réservé du texte 9">
            <a:extLst>
              <a:ext uri="{FF2B5EF4-FFF2-40B4-BE49-F238E27FC236}">
                <a16:creationId xmlns:a16="http://schemas.microsoft.com/office/drawing/2014/main" id="{3ED4FE2A-DC8D-2B56-61A4-8B1F519AF177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693519" y="1438234"/>
            <a:ext cx="6745696" cy="3390900"/>
          </a:xfrm>
        </p:spPr>
        <p:txBody>
          <a:bodyPr/>
          <a:lstStyle/>
          <a:p>
            <a:pPr lvl="0"/>
            <a:r>
              <a:rPr lang="fr-FR"/>
              <a:t>Cliquez pour modifier les styles du texte du masque</a:t>
            </a:r>
          </a:p>
          <a:p>
            <a:pPr lvl="1"/>
            <a:r>
              <a:rPr lang="fr-FR"/>
              <a:t>Deuxième niveau</a:t>
            </a:r>
          </a:p>
          <a:p>
            <a:pPr lvl="2"/>
            <a:r>
              <a:rPr lang="fr-FR"/>
              <a:t>Troisième niveau</a:t>
            </a:r>
          </a:p>
          <a:p>
            <a:pPr lvl="3"/>
            <a:r>
              <a:rPr lang="fr-FR"/>
              <a:t>Quatrième niveau</a:t>
            </a:r>
          </a:p>
          <a:p>
            <a:pPr lvl="4"/>
            <a:r>
              <a:rPr lang="fr-FR"/>
              <a:t>Cinquième niveau</a:t>
            </a:r>
          </a:p>
        </p:txBody>
      </p:sp>
    </p:spTree>
    <p:extLst>
      <p:ext uri="{BB962C8B-B14F-4D97-AF65-F5344CB8AC3E}">
        <p14:creationId xmlns:p14="http://schemas.microsoft.com/office/powerpoint/2010/main" val="349172653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ighl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rme libre : forme 6">
            <a:extLst>
              <a:ext uri="{FF2B5EF4-FFF2-40B4-BE49-F238E27FC236}">
                <a16:creationId xmlns:a16="http://schemas.microsoft.com/office/drawing/2014/main" id="{93AF943D-6364-ADE7-C2E3-EBDB322CA5A3}"/>
              </a:ext>
            </a:extLst>
          </p:cNvPr>
          <p:cNvSpPr/>
          <p:nvPr userDrawn="1"/>
        </p:nvSpPr>
        <p:spPr>
          <a:xfrm>
            <a:off x="11766613" y="6432835"/>
            <a:ext cx="425393" cy="425178"/>
          </a:xfrm>
          <a:custGeom>
            <a:avLst/>
            <a:gdLst>
              <a:gd name="connsiteX0" fmla="*/ 1887 w 850342"/>
              <a:gd name="connsiteY0" fmla="*/ 2060 h 850355"/>
              <a:gd name="connsiteX1" fmla="*/ 852229 w 850342"/>
              <a:gd name="connsiteY1" fmla="*/ 2060 h 850355"/>
              <a:gd name="connsiteX2" fmla="*/ 852229 w 850342"/>
              <a:gd name="connsiteY2" fmla="*/ 852415 h 850355"/>
              <a:gd name="connsiteX3" fmla="*/ 1887 w 850342"/>
              <a:gd name="connsiteY3" fmla="*/ 852415 h 85035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342" h="850355">
                <a:moveTo>
                  <a:pt x="1887" y="2060"/>
                </a:moveTo>
                <a:lnTo>
                  <a:pt x="852229" y="2060"/>
                </a:lnTo>
                <a:lnTo>
                  <a:pt x="852229" y="852415"/>
                </a:lnTo>
                <a:lnTo>
                  <a:pt x="1887" y="852415"/>
                </a:lnTo>
                <a:close/>
              </a:path>
            </a:pathLst>
          </a:custGeom>
          <a:solidFill>
            <a:srgbClr val="C4F6EF"/>
          </a:solidFill>
          <a:ln w="12690" cap="flat">
            <a:noFill/>
            <a:prstDash val="solid"/>
            <a:round/>
          </a:ln>
        </p:spPr>
        <p:txBody>
          <a:bodyPr rtlCol="0" anchor="ctr"/>
          <a:lstStyle/>
          <a:p>
            <a:endParaRPr lang="en-US" sz="900"/>
          </a:p>
        </p:txBody>
      </p:sp>
      <p:sp>
        <p:nvSpPr>
          <p:cNvPr id="22" name="Espace réservé du numéro de diapositive 21">
            <a:extLst>
              <a:ext uri="{FF2B5EF4-FFF2-40B4-BE49-F238E27FC236}">
                <a16:creationId xmlns:a16="http://schemas.microsoft.com/office/drawing/2014/main" id="{82F6E6AF-74DC-F73F-792F-1F169783C6A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16" name="Forme libre : forme 15">
            <a:extLst>
              <a:ext uri="{FF2B5EF4-FFF2-40B4-BE49-F238E27FC236}">
                <a16:creationId xmlns:a16="http://schemas.microsoft.com/office/drawing/2014/main" id="{1F097EDE-2529-9CA2-E38E-C68CD330697E}"/>
              </a:ext>
            </a:extLst>
          </p:cNvPr>
          <p:cNvSpPr/>
          <p:nvPr userDrawn="1"/>
        </p:nvSpPr>
        <p:spPr>
          <a:xfrm>
            <a:off x="195364" y="6643880"/>
            <a:ext cx="475520" cy="84790"/>
          </a:xfrm>
          <a:custGeom>
            <a:avLst/>
            <a:gdLst>
              <a:gd name="connsiteX0" fmla="*/ 45265 w 950545"/>
              <a:gd name="connsiteY0" fmla="*/ -13 h 169580"/>
              <a:gd name="connsiteX1" fmla="*/ 7 w 950545"/>
              <a:gd name="connsiteY1" fmla="*/ -13 h 169580"/>
              <a:gd name="connsiteX2" fmla="*/ 7 w 950545"/>
              <a:gd name="connsiteY2" fmla="*/ 45233 h 169580"/>
              <a:gd name="connsiteX3" fmla="*/ 45265 w 950545"/>
              <a:gd name="connsiteY3" fmla="*/ 45233 h 169580"/>
              <a:gd name="connsiteX4" fmla="*/ 45265 w 950545"/>
              <a:gd name="connsiteY4" fmla="*/ -13 h 169580"/>
              <a:gd name="connsiteX5" fmla="*/ 7 w 950545"/>
              <a:gd name="connsiteY5" fmla="*/ 57079 h 169580"/>
              <a:gd name="connsiteX6" fmla="*/ 7 w 950545"/>
              <a:gd name="connsiteY6" fmla="*/ 166881 h 169580"/>
              <a:gd name="connsiteX7" fmla="*/ 45265 w 950545"/>
              <a:gd name="connsiteY7" fmla="*/ 166881 h 169580"/>
              <a:gd name="connsiteX8" fmla="*/ 45265 w 950545"/>
              <a:gd name="connsiteY8" fmla="*/ 57079 h 169580"/>
              <a:gd name="connsiteX9" fmla="*/ 7 w 950545"/>
              <a:gd name="connsiteY9" fmla="*/ 57079 h 169580"/>
              <a:gd name="connsiteX10" fmla="*/ 903837 w 950545"/>
              <a:gd name="connsiteY10" fmla="*/ 55344 h 169580"/>
              <a:gd name="connsiteX11" fmla="*/ 850279 w 950545"/>
              <a:gd name="connsiteY11" fmla="*/ 76490 h 169580"/>
              <a:gd name="connsiteX12" fmla="*/ 809125 w 950545"/>
              <a:gd name="connsiteY12" fmla="*/ 55344 h 169580"/>
              <a:gd name="connsiteX13" fmla="*/ 759749 w 950545"/>
              <a:gd name="connsiteY13" fmla="*/ 75451 h 169580"/>
              <a:gd name="connsiteX14" fmla="*/ 759749 w 950545"/>
              <a:gd name="connsiteY14" fmla="*/ 57079 h 169580"/>
              <a:gd name="connsiteX15" fmla="*/ 714503 w 950545"/>
              <a:gd name="connsiteY15" fmla="*/ 57079 h 169580"/>
              <a:gd name="connsiteX16" fmla="*/ 714503 w 950545"/>
              <a:gd name="connsiteY16" fmla="*/ 166868 h 169580"/>
              <a:gd name="connsiteX17" fmla="*/ 759749 w 950545"/>
              <a:gd name="connsiteY17" fmla="*/ 166881 h 169580"/>
              <a:gd name="connsiteX18" fmla="*/ 759749 w 950545"/>
              <a:gd name="connsiteY18" fmla="*/ 107634 h 169580"/>
              <a:gd name="connsiteX19" fmla="*/ 789550 w 950545"/>
              <a:gd name="connsiteY19" fmla="*/ 93735 h 169580"/>
              <a:gd name="connsiteX20" fmla="*/ 810582 w 950545"/>
              <a:gd name="connsiteY20" fmla="*/ 120621 h 169580"/>
              <a:gd name="connsiteX21" fmla="*/ 810582 w 950545"/>
              <a:gd name="connsiteY21" fmla="*/ 166881 h 169580"/>
              <a:gd name="connsiteX22" fmla="*/ 855828 w 950545"/>
              <a:gd name="connsiteY22" fmla="*/ 166881 h 169580"/>
              <a:gd name="connsiteX23" fmla="*/ 855765 w 950545"/>
              <a:gd name="connsiteY23" fmla="*/ 106481 h 169580"/>
              <a:gd name="connsiteX24" fmla="*/ 884273 w 950545"/>
              <a:gd name="connsiteY24" fmla="*/ 93735 h 169580"/>
              <a:gd name="connsiteX25" fmla="*/ 905306 w 950545"/>
              <a:gd name="connsiteY25" fmla="*/ 120621 h 169580"/>
              <a:gd name="connsiteX26" fmla="*/ 905306 w 950545"/>
              <a:gd name="connsiteY26" fmla="*/ 166881 h 169580"/>
              <a:gd name="connsiteX27" fmla="*/ 950552 w 950545"/>
              <a:gd name="connsiteY27" fmla="*/ 166881 h 169580"/>
              <a:gd name="connsiteX28" fmla="*/ 950552 w 950545"/>
              <a:gd name="connsiteY28" fmla="*/ 100868 h 169580"/>
              <a:gd name="connsiteX29" fmla="*/ 903837 w 950545"/>
              <a:gd name="connsiteY29" fmla="*/ 55344 h 169580"/>
              <a:gd name="connsiteX30" fmla="*/ 646045 w 950545"/>
              <a:gd name="connsiteY30" fmla="*/ 115705 h 169580"/>
              <a:gd name="connsiteX31" fmla="*/ 611125 w 950545"/>
              <a:gd name="connsiteY31" fmla="*/ 129453 h 169580"/>
              <a:gd name="connsiteX32" fmla="*/ 584897 w 950545"/>
              <a:gd name="connsiteY32" fmla="*/ 102857 h 169580"/>
              <a:gd name="connsiteX33" fmla="*/ 584897 w 950545"/>
              <a:gd name="connsiteY33" fmla="*/ 57079 h 169580"/>
              <a:gd name="connsiteX34" fmla="*/ 539652 w 950545"/>
              <a:gd name="connsiteY34" fmla="*/ 57079 h 169580"/>
              <a:gd name="connsiteX35" fmla="*/ 539652 w 950545"/>
              <a:gd name="connsiteY35" fmla="*/ 120583 h 169580"/>
              <a:gd name="connsiteX36" fmla="*/ 593577 w 950545"/>
              <a:gd name="connsiteY36" fmla="*/ 167438 h 169580"/>
              <a:gd name="connsiteX37" fmla="*/ 646045 w 950545"/>
              <a:gd name="connsiteY37" fmla="*/ 151157 h 169580"/>
              <a:gd name="connsiteX38" fmla="*/ 646045 w 950545"/>
              <a:gd name="connsiteY38" fmla="*/ 166881 h 169580"/>
              <a:gd name="connsiteX39" fmla="*/ 691291 w 950545"/>
              <a:gd name="connsiteY39" fmla="*/ 166881 h 169580"/>
              <a:gd name="connsiteX40" fmla="*/ 691291 w 950545"/>
              <a:gd name="connsiteY40" fmla="*/ 57079 h 169580"/>
              <a:gd name="connsiteX41" fmla="*/ 646045 w 950545"/>
              <a:gd name="connsiteY41" fmla="*/ 57079 h 169580"/>
              <a:gd name="connsiteX42" fmla="*/ 646045 w 950545"/>
              <a:gd name="connsiteY42" fmla="*/ 115705 h 169580"/>
              <a:gd name="connsiteX43" fmla="*/ 345022 w 950545"/>
              <a:gd name="connsiteY43" fmla="*/ 94508 h 169580"/>
              <a:gd name="connsiteX44" fmla="*/ 316703 w 950545"/>
              <a:gd name="connsiteY44" fmla="*/ 83636 h 169580"/>
              <a:gd name="connsiteX45" fmla="*/ 288917 w 950545"/>
              <a:gd name="connsiteY45" fmla="*/ 94508 h 169580"/>
              <a:gd name="connsiteX46" fmla="*/ 345022 w 950545"/>
              <a:gd name="connsiteY46" fmla="*/ 94508 h 169580"/>
              <a:gd name="connsiteX47" fmla="*/ 392371 w 950545"/>
              <a:gd name="connsiteY47" fmla="*/ 119418 h 169580"/>
              <a:gd name="connsiteX48" fmla="*/ 286674 w 950545"/>
              <a:gd name="connsiteY48" fmla="*/ 119418 h 169580"/>
              <a:gd name="connsiteX49" fmla="*/ 315094 w 950545"/>
              <a:gd name="connsiteY49" fmla="*/ 134280 h 169580"/>
              <a:gd name="connsiteX50" fmla="*/ 340258 w 950545"/>
              <a:gd name="connsiteY50" fmla="*/ 130327 h 169580"/>
              <a:gd name="connsiteX51" fmla="*/ 389482 w 950545"/>
              <a:gd name="connsiteY51" fmla="*/ 130327 h 169580"/>
              <a:gd name="connsiteX52" fmla="*/ 315094 w 950545"/>
              <a:gd name="connsiteY52" fmla="*/ 169567 h 169580"/>
              <a:gd name="connsiteX53" fmla="*/ 241150 w 950545"/>
              <a:gd name="connsiteY53" fmla="*/ 111980 h 169580"/>
              <a:gd name="connsiteX54" fmla="*/ 316957 w 950545"/>
              <a:gd name="connsiteY54" fmla="*/ 54381 h 169580"/>
              <a:gd name="connsiteX55" fmla="*/ 392371 w 950545"/>
              <a:gd name="connsiteY55" fmla="*/ 119418 h 169580"/>
              <a:gd name="connsiteX56" fmla="*/ 474171 w 950545"/>
              <a:gd name="connsiteY56" fmla="*/ 22616 h 169580"/>
              <a:gd name="connsiteX57" fmla="*/ 428925 w 950545"/>
              <a:gd name="connsiteY57" fmla="*/ 22616 h 169580"/>
              <a:gd name="connsiteX58" fmla="*/ 428925 w 950545"/>
              <a:gd name="connsiteY58" fmla="*/ 57079 h 169580"/>
              <a:gd name="connsiteX59" fmla="*/ 404636 w 950545"/>
              <a:gd name="connsiteY59" fmla="*/ 57079 h 169580"/>
              <a:gd name="connsiteX60" fmla="*/ 404636 w 950545"/>
              <a:gd name="connsiteY60" fmla="*/ 93760 h 169580"/>
              <a:gd name="connsiteX61" fmla="*/ 428925 w 950545"/>
              <a:gd name="connsiteY61" fmla="*/ 93760 h 169580"/>
              <a:gd name="connsiteX62" fmla="*/ 428925 w 950545"/>
              <a:gd name="connsiteY62" fmla="*/ 166881 h 169580"/>
              <a:gd name="connsiteX63" fmla="*/ 519417 w 950545"/>
              <a:gd name="connsiteY63" fmla="*/ 166881 h 169580"/>
              <a:gd name="connsiteX64" fmla="*/ 519417 w 950545"/>
              <a:gd name="connsiteY64" fmla="*/ 130073 h 169580"/>
              <a:gd name="connsiteX65" fmla="*/ 474171 w 950545"/>
              <a:gd name="connsiteY65" fmla="*/ 130073 h 169580"/>
              <a:gd name="connsiteX66" fmla="*/ 474171 w 950545"/>
              <a:gd name="connsiteY66" fmla="*/ 93760 h 169580"/>
              <a:gd name="connsiteX67" fmla="*/ 519417 w 950545"/>
              <a:gd name="connsiteY67" fmla="*/ 93760 h 169580"/>
              <a:gd name="connsiteX68" fmla="*/ 519417 w 950545"/>
              <a:gd name="connsiteY68" fmla="*/ 57079 h 169580"/>
              <a:gd name="connsiteX69" fmla="*/ 474171 w 950545"/>
              <a:gd name="connsiteY69" fmla="*/ 57079 h 169580"/>
              <a:gd name="connsiteX70" fmla="*/ 474171 w 950545"/>
              <a:gd name="connsiteY70" fmla="*/ 22616 h 169580"/>
              <a:gd name="connsiteX71" fmla="*/ 222283 w 950545"/>
              <a:gd name="connsiteY71" fmla="*/ 104999 h 169580"/>
              <a:gd name="connsiteX72" fmla="*/ 222283 w 950545"/>
              <a:gd name="connsiteY72" fmla="*/ 166881 h 169580"/>
              <a:gd name="connsiteX73" fmla="*/ 177038 w 950545"/>
              <a:gd name="connsiteY73" fmla="*/ 166881 h 169580"/>
              <a:gd name="connsiteX74" fmla="*/ 177038 w 950545"/>
              <a:gd name="connsiteY74" fmla="*/ 123333 h 169580"/>
              <a:gd name="connsiteX75" fmla="*/ 150113 w 950545"/>
              <a:gd name="connsiteY75" fmla="*/ 95623 h 169580"/>
              <a:gd name="connsiteX76" fmla="*/ 113711 w 950545"/>
              <a:gd name="connsiteY76" fmla="*/ 109953 h 169580"/>
              <a:gd name="connsiteX77" fmla="*/ 113711 w 950545"/>
              <a:gd name="connsiteY77" fmla="*/ 166881 h 169580"/>
              <a:gd name="connsiteX78" fmla="*/ 68478 w 950545"/>
              <a:gd name="connsiteY78" fmla="*/ 166881 h 169580"/>
              <a:gd name="connsiteX79" fmla="*/ 68478 w 950545"/>
              <a:gd name="connsiteY79" fmla="*/ 57079 h 169580"/>
              <a:gd name="connsiteX80" fmla="*/ 113711 w 950545"/>
              <a:gd name="connsiteY80" fmla="*/ 57079 h 169580"/>
              <a:gd name="connsiteX81" fmla="*/ 113711 w 950545"/>
              <a:gd name="connsiteY81" fmla="*/ 73006 h 169580"/>
              <a:gd name="connsiteX82" fmla="*/ 168396 w 950545"/>
              <a:gd name="connsiteY82" fmla="*/ 56028 h 169580"/>
              <a:gd name="connsiteX83" fmla="*/ 222283 w 950545"/>
              <a:gd name="connsiteY83" fmla="*/ 104999 h 1695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</a:cxnLst>
            <a:rect l="l" t="t" r="r" b="b"/>
            <a:pathLst>
              <a:path w="950545" h="169580">
                <a:moveTo>
                  <a:pt x="45265" y="-13"/>
                </a:moveTo>
                <a:lnTo>
                  <a:pt x="7" y="-13"/>
                </a:lnTo>
                <a:lnTo>
                  <a:pt x="7" y="45233"/>
                </a:lnTo>
                <a:lnTo>
                  <a:pt x="45265" y="45233"/>
                </a:lnTo>
                <a:lnTo>
                  <a:pt x="45265" y="-13"/>
                </a:lnTo>
                <a:close/>
                <a:moveTo>
                  <a:pt x="7" y="57079"/>
                </a:moveTo>
                <a:lnTo>
                  <a:pt x="7" y="166881"/>
                </a:lnTo>
                <a:lnTo>
                  <a:pt x="45265" y="166881"/>
                </a:lnTo>
                <a:lnTo>
                  <a:pt x="45265" y="57079"/>
                </a:lnTo>
                <a:lnTo>
                  <a:pt x="7" y="57079"/>
                </a:lnTo>
                <a:close/>
                <a:moveTo>
                  <a:pt x="903837" y="55344"/>
                </a:moveTo>
                <a:cubicBezTo>
                  <a:pt x="877140" y="55344"/>
                  <a:pt x="861251" y="63744"/>
                  <a:pt x="850279" y="76490"/>
                </a:cubicBezTo>
                <a:cubicBezTo>
                  <a:pt x="841688" y="60386"/>
                  <a:pt x="822835" y="55344"/>
                  <a:pt x="809125" y="55344"/>
                </a:cubicBezTo>
                <a:cubicBezTo>
                  <a:pt x="782429" y="55344"/>
                  <a:pt x="769442" y="66303"/>
                  <a:pt x="759749" y="75451"/>
                </a:cubicBezTo>
                <a:lnTo>
                  <a:pt x="759749" y="57079"/>
                </a:lnTo>
                <a:lnTo>
                  <a:pt x="714503" y="57079"/>
                </a:lnTo>
                <a:lnTo>
                  <a:pt x="714503" y="166868"/>
                </a:lnTo>
                <a:lnTo>
                  <a:pt x="759749" y="166881"/>
                </a:lnTo>
                <a:lnTo>
                  <a:pt x="759749" y="107634"/>
                </a:lnTo>
                <a:cubicBezTo>
                  <a:pt x="769074" y="98499"/>
                  <a:pt x="778400" y="93735"/>
                  <a:pt x="789550" y="93735"/>
                </a:cubicBezTo>
                <a:cubicBezTo>
                  <a:pt x="805641" y="93735"/>
                  <a:pt x="810582" y="101780"/>
                  <a:pt x="810582" y="120621"/>
                </a:cubicBezTo>
                <a:lnTo>
                  <a:pt x="810582" y="166881"/>
                </a:lnTo>
                <a:lnTo>
                  <a:pt x="855828" y="166881"/>
                </a:lnTo>
                <a:lnTo>
                  <a:pt x="855765" y="106481"/>
                </a:lnTo>
                <a:cubicBezTo>
                  <a:pt x="865090" y="97346"/>
                  <a:pt x="873124" y="93735"/>
                  <a:pt x="884273" y="93735"/>
                </a:cubicBezTo>
                <a:cubicBezTo>
                  <a:pt x="900365" y="93735"/>
                  <a:pt x="905306" y="101780"/>
                  <a:pt x="905306" y="120621"/>
                </a:cubicBezTo>
                <a:lnTo>
                  <a:pt x="905306" y="166881"/>
                </a:lnTo>
                <a:lnTo>
                  <a:pt x="950552" y="166881"/>
                </a:lnTo>
                <a:lnTo>
                  <a:pt x="950552" y="100868"/>
                </a:lnTo>
                <a:cubicBezTo>
                  <a:pt x="950552" y="63022"/>
                  <a:pt x="923045" y="55344"/>
                  <a:pt x="903837" y="55344"/>
                </a:cubicBezTo>
                <a:moveTo>
                  <a:pt x="646045" y="115705"/>
                </a:moveTo>
                <a:cubicBezTo>
                  <a:pt x="637543" y="123840"/>
                  <a:pt x="623973" y="129453"/>
                  <a:pt x="611125" y="129453"/>
                </a:cubicBezTo>
                <a:cubicBezTo>
                  <a:pt x="591587" y="129453"/>
                  <a:pt x="584897" y="121496"/>
                  <a:pt x="584897" y="102857"/>
                </a:cubicBezTo>
                <a:lnTo>
                  <a:pt x="584897" y="57079"/>
                </a:lnTo>
                <a:lnTo>
                  <a:pt x="539652" y="57079"/>
                </a:lnTo>
                <a:lnTo>
                  <a:pt x="539652" y="120583"/>
                </a:lnTo>
                <a:cubicBezTo>
                  <a:pt x="539652" y="159849"/>
                  <a:pt x="569148" y="167438"/>
                  <a:pt x="593577" y="167438"/>
                </a:cubicBezTo>
                <a:cubicBezTo>
                  <a:pt x="616371" y="167438"/>
                  <a:pt x="633020" y="160204"/>
                  <a:pt x="646045" y="151157"/>
                </a:cubicBezTo>
                <a:lnTo>
                  <a:pt x="646045" y="166881"/>
                </a:lnTo>
                <a:lnTo>
                  <a:pt x="691291" y="166881"/>
                </a:lnTo>
                <a:lnTo>
                  <a:pt x="691291" y="57079"/>
                </a:lnTo>
                <a:lnTo>
                  <a:pt x="646045" y="57079"/>
                </a:lnTo>
                <a:lnTo>
                  <a:pt x="646045" y="115705"/>
                </a:lnTo>
                <a:close/>
                <a:moveTo>
                  <a:pt x="345022" y="94508"/>
                </a:moveTo>
                <a:cubicBezTo>
                  <a:pt x="339801" y="87083"/>
                  <a:pt x="328601" y="83636"/>
                  <a:pt x="316703" y="83636"/>
                </a:cubicBezTo>
                <a:cubicBezTo>
                  <a:pt x="304806" y="83636"/>
                  <a:pt x="293732" y="87083"/>
                  <a:pt x="288917" y="94508"/>
                </a:cubicBezTo>
                <a:lnTo>
                  <a:pt x="345022" y="94508"/>
                </a:lnTo>
                <a:close/>
                <a:moveTo>
                  <a:pt x="392371" y="119418"/>
                </a:moveTo>
                <a:lnTo>
                  <a:pt x="286674" y="119418"/>
                </a:lnTo>
                <a:cubicBezTo>
                  <a:pt x="290387" y="131302"/>
                  <a:pt x="302829" y="134280"/>
                  <a:pt x="315094" y="134280"/>
                </a:cubicBezTo>
                <a:cubicBezTo>
                  <a:pt x="327169" y="134280"/>
                  <a:pt x="333846" y="133659"/>
                  <a:pt x="340258" y="130327"/>
                </a:cubicBezTo>
                <a:lnTo>
                  <a:pt x="389482" y="130327"/>
                </a:lnTo>
                <a:cubicBezTo>
                  <a:pt x="382323" y="156681"/>
                  <a:pt x="358490" y="169567"/>
                  <a:pt x="315094" y="169567"/>
                </a:cubicBezTo>
                <a:cubicBezTo>
                  <a:pt x="271432" y="169567"/>
                  <a:pt x="241150" y="153222"/>
                  <a:pt x="241150" y="111980"/>
                </a:cubicBezTo>
                <a:cubicBezTo>
                  <a:pt x="241150" y="70738"/>
                  <a:pt x="271432" y="54381"/>
                  <a:pt x="316957" y="54381"/>
                </a:cubicBezTo>
                <a:cubicBezTo>
                  <a:pt x="362849" y="54381"/>
                  <a:pt x="392371" y="70738"/>
                  <a:pt x="392371" y="119418"/>
                </a:cubicBezTo>
                <a:moveTo>
                  <a:pt x="474171" y="22616"/>
                </a:moveTo>
                <a:lnTo>
                  <a:pt x="428925" y="22616"/>
                </a:lnTo>
                <a:lnTo>
                  <a:pt x="428925" y="57079"/>
                </a:lnTo>
                <a:lnTo>
                  <a:pt x="404636" y="57079"/>
                </a:lnTo>
                <a:lnTo>
                  <a:pt x="404636" y="93760"/>
                </a:lnTo>
                <a:lnTo>
                  <a:pt x="428925" y="93760"/>
                </a:lnTo>
                <a:lnTo>
                  <a:pt x="428925" y="166881"/>
                </a:lnTo>
                <a:lnTo>
                  <a:pt x="519417" y="166881"/>
                </a:lnTo>
                <a:lnTo>
                  <a:pt x="519417" y="130073"/>
                </a:lnTo>
                <a:lnTo>
                  <a:pt x="474171" y="130073"/>
                </a:lnTo>
                <a:lnTo>
                  <a:pt x="474171" y="93760"/>
                </a:lnTo>
                <a:lnTo>
                  <a:pt x="519417" y="93760"/>
                </a:lnTo>
                <a:lnTo>
                  <a:pt x="519417" y="57079"/>
                </a:lnTo>
                <a:lnTo>
                  <a:pt x="474171" y="57079"/>
                </a:lnTo>
                <a:lnTo>
                  <a:pt x="474171" y="22616"/>
                </a:lnTo>
                <a:close/>
                <a:moveTo>
                  <a:pt x="222283" y="104999"/>
                </a:moveTo>
                <a:lnTo>
                  <a:pt x="222283" y="166881"/>
                </a:lnTo>
                <a:lnTo>
                  <a:pt x="177038" y="166881"/>
                </a:lnTo>
                <a:lnTo>
                  <a:pt x="177038" y="123333"/>
                </a:lnTo>
                <a:cubicBezTo>
                  <a:pt x="177038" y="103922"/>
                  <a:pt x="170462" y="95623"/>
                  <a:pt x="150113" y="95623"/>
                </a:cubicBezTo>
                <a:cubicBezTo>
                  <a:pt x="136720" y="95623"/>
                  <a:pt x="122580" y="101476"/>
                  <a:pt x="113711" y="109953"/>
                </a:cubicBezTo>
                <a:lnTo>
                  <a:pt x="113711" y="166881"/>
                </a:lnTo>
                <a:lnTo>
                  <a:pt x="68478" y="166881"/>
                </a:lnTo>
                <a:lnTo>
                  <a:pt x="68478" y="57079"/>
                </a:lnTo>
                <a:lnTo>
                  <a:pt x="113711" y="57079"/>
                </a:lnTo>
                <a:lnTo>
                  <a:pt x="113711" y="73006"/>
                </a:lnTo>
                <a:cubicBezTo>
                  <a:pt x="127294" y="63567"/>
                  <a:pt x="144639" y="56028"/>
                  <a:pt x="168396" y="56028"/>
                </a:cubicBezTo>
                <a:cubicBezTo>
                  <a:pt x="193851" y="56028"/>
                  <a:pt x="222283" y="64086"/>
                  <a:pt x="222283" y="104999"/>
                </a:cubicBezTo>
              </a:path>
            </a:pathLst>
          </a:custGeom>
          <a:solidFill>
            <a:srgbClr val="232D4B"/>
          </a:solidFill>
          <a:ln w="12664" cap="flat">
            <a:noFill/>
            <a:prstDash val="solid"/>
            <a:round/>
          </a:ln>
        </p:spPr>
        <p:txBody>
          <a:bodyPr rtlCol="0" anchor="ctr"/>
          <a:lstStyle/>
          <a:p>
            <a:endParaRPr lang="fr-FR" sz="900"/>
          </a:p>
        </p:txBody>
      </p:sp>
      <p:sp>
        <p:nvSpPr>
          <p:cNvPr id="17" name="Forme libre : forme 16">
            <a:extLst>
              <a:ext uri="{FF2B5EF4-FFF2-40B4-BE49-F238E27FC236}">
                <a16:creationId xmlns:a16="http://schemas.microsoft.com/office/drawing/2014/main" id="{2D0950DE-AF9B-6011-C3F7-B6D3CD0ECAB6}"/>
              </a:ext>
            </a:extLst>
          </p:cNvPr>
          <p:cNvSpPr/>
          <p:nvPr userDrawn="1"/>
        </p:nvSpPr>
        <p:spPr>
          <a:xfrm>
            <a:off x="693519" y="6659478"/>
            <a:ext cx="67904" cy="67875"/>
          </a:xfrm>
          <a:custGeom>
            <a:avLst/>
            <a:gdLst>
              <a:gd name="connsiteX0" fmla="*/ 45299 w 135737"/>
              <a:gd name="connsiteY0" fmla="*/ 90495 h 135750"/>
              <a:gd name="connsiteX1" fmla="*/ 53 w 135737"/>
              <a:gd name="connsiteY1" fmla="*/ 90495 h 135750"/>
              <a:gd name="connsiteX2" fmla="*/ 53 w 135737"/>
              <a:gd name="connsiteY2" fmla="*/ 135740 h 135750"/>
              <a:gd name="connsiteX3" fmla="*/ 45299 w 135737"/>
              <a:gd name="connsiteY3" fmla="*/ 135740 h 135750"/>
              <a:gd name="connsiteX4" fmla="*/ 45299 w 135737"/>
              <a:gd name="connsiteY4" fmla="*/ 90495 h 135750"/>
              <a:gd name="connsiteX5" fmla="*/ 45299 w 135737"/>
              <a:gd name="connsiteY5" fmla="*/ -10 h 135750"/>
              <a:gd name="connsiteX6" fmla="*/ 45299 w 135737"/>
              <a:gd name="connsiteY6" fmla="*/ 45249 h 135750"/>
              <a:gd name="connsiteX7" fmla="*/ 90545 w 135737"/>
              <a:gd name="connsiteY7" fmla="*/ 45249 h 135750"/>
              <a:gd name="connsiteX8" fmla="*/ 90545 w 135737"/>
              <a:gd name="connsiteY8" fmla="*/ 90495 h 135750"/>
              <a:gd name="connsiteX9" fmla="*/ 135791 w 135737"/>
              <a:gd name="connsiteY9" fmla="*/ 90495 h 135750"/>
              <a:gd name="connsiteX10" fmla="*/ 135791 w 135737"/>
              <a:gd name="connsiteY10" fmla="*/ -10 h 135750"/>
              <a:gd name="connsiteX11" fmla="*/ 45299 w 135737"/>
              <a:gd name="connsiteY11" fmla="*/ -10 h 1357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35737" h="135750">
                <a:moveTo>
                  <a:pt x="45299" y="90495"/>
                </a:moveTo>
                <a:lnTo>
                  <a:pt x="53" y="90495"/>
                </a:lnTo>
                <a:lnTo>
                  <a:pt x="53" y="135740"/>
                </a:lnTo>
                <a:lnTo>
                  <a:pt x="45299" y="135740"/>
                </a:lnTo>
                <a:lnTo>
                  <a:pt x="45299" y="90495"/>
                </a:lnTo>
                <a:close/>
                <a:moveTo>
                  <a:pt x="45299" y="-10"/>
                </a:moveTo>
                <a:lnTo>
                  <a:pt x="45299" y="45249"/>
                </a:lnTo>
                <a:lnTo>
                  <a:pt x="90545" y="45249"/>
                </a:lnTo>
                <a:lnTo>
                  <a:pt x="90545" y="90495"/>
                </a:lnTo>
                <a:lnTo>
                  <a:pt x="135791" y="90495"/>
                </a:lnTo>
                <a:lnTo>
                  <a:pt x="135791" y="-10"/>
                </a:lnTo>
                <a:lnTo>
                  <a:pt x="45299" y="-10"/>
                </a:lnTo>
                <a:close/>
              </a:path>
            </a:pathLst>
          </a:custGeom>
          <a:solidFill>
            <a:schemeClr val="accent3"/>
          </a:solidFill>
          <a:ln w="12664" cap="flat">
            <a:noFill/>
            <a:prstDash val="solid"/>
            <a:round/>
          </a:ln>
        </p:spPr>
        <p:txBody>
          <a:bodyPr rtlCol="0" anchor="ctr"/>
          <a:lstStyle/>
          <a:p>
            <a:endParaRPr lang="fr-FR" sz="900"/>
          </a:p>
        </p:txBody>
      </p:sp>
      <p:sp>
        <p:nvSpPr>
          <p:cNvPr id="18" name="Sous-titre 2">
            <a:extLst>
              <a:ext uri="{FF2B5EF4-FFF2-40B4-BE49-F238E27FC236}">
                <a16:creationId xmlns:a16="http://schemas.microsoft.com/office/drawing/2014/main" id="{EBD54F64-D899-415D-C793-F620BE25966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314413" y="1771181"/>
            <a:ext cx="8395217" cy="590931"/>
          </a:xfrm>
        </p:spPr>
        <p:txBody>
          <a:bodyPr anchor="b"/>
          <a:lstStyle>
            <a:lvl1pPr marL="0" indent="0" algn="l">
              <a:lnSpc>
                <a:spcPct val="96000"/>
              </a:lnSpc>
              <a:spcBef>
                <a:spcPts val="0"/>
              </a:spcBef>
              <a:spcAft>
                <a:spcPts val="0"/>
              </a:spcAft>
              <a:buNone/>
              <a:defRPr lang="fr-FR" sz="2000" b="0" kern="1200" smtClean="0">
                <a:ln w="21590">
                  <a:noFill/>
                </a:ln>
                <a:solidFill>
                  <a:srgbClr val="F5908D"/>
                </a:solidFill>
                <a:latin typeface="Poppins Light" panose="00000400000000000000" pitchFamily="2" charset="0"/>
                <a:ea typeface="+mj-ea"/>
                <a:cs typeface="Poppins Light" panose="00000400000000000000" pitchFamily="2" charset="0"/>
              </a:defRPr>
            </a:lvl1pPr>
            <a:lvl2pPr marL="0" indent="0" algn="l">
              <a:spcBef>
                <a:spcPts val="600"/>
              </a:spcBef>
              <a:spcAft>
                <a:spcPts val="0"/>
              </a:spcAft>
              <a:buNone/>
              <a:defRPr sz="1200">
                <a:solidFill>
                  <a:schemeClr val="bg1"/>
                </a:solidFill>
                <a:latin typeface="Poppins Medium" panose="00000600000000000000" pitchFamily="2" charset="0"/>
                <a:cs typeface="Poppins Medium" panose="00000600000000000000" pitchFamily="2" charset="0"/>
              </a:defRPr>
            </a:lvl2pPr>
            <a:lvl3pPr marL="457200" indent="0" algn="ctr">
              <a:buNone/>
              <a:defRPr sz="900"/>
            </a:lvl3pPr>
            <a:lvl4pPr marL="685800" indent="0" algn="ctr">
              <a:buNone/>
              <a:defRPr sz="800"/>
            </a:lvl4pPr>
            <a:lvl5pPr marL="914400" indent="0" algn="ctr">
              <a:buNone/>
              <a:defRPr sz="800"/>
            </a:lvl5pPr>
            <a:lvl6pPr marL="1143000" indent="0" algn="ctr">
              <a:buNone/>
              <a:defRPr sz="800"/>
            </a:lvl6pPr>
            <a:lvl7pPr marL="1371600" indent="0" algn="ctr">
              <a:buNone/>
              <a:defRPr sz="800"/>
            </a:lvl7pPr>
            <a:lvl8pPr marL="1600200" indent="0" algn="ctr">
              <a:buNone/>
              <a:defRPr sz="800"/>
            </a:lvl8pPr>
            <a:lvl9pPr marL="1828800" indent="0" algn="ctr">
              <a:buNone/>
              <a:defRPr sz="800"/>
            </a:lvl9pPr>
          </a:lstStyle>
          <a:p>
            <a:pPr lvl="0"/>
            <a:r>
              <a:rPr lang="en-US"/>
              <a:t>Lorem ipsum dolor sit </a:t>
            </a:r>
            <a:r>
              <a:rPr lang="en-US" err="1"/>
              <a:t>amet</a:t>
            </a:r>
            <a:r>
              <a:rPr lang="en-US"/>
              <a:t>, </a:t>
            </a:r>
            <a:r>
              <a:rPr lang="en-US" err="1"/>
              <a:t>consectetur</a:t>
            </a:r>
            <a:r>
              <a:rPr lang="en-US"/>
              <a:t> </a:t>
            </a:r>
            <a:r>
              <a:rPr lang="en-US" err="1"/>
              <a:t>adipiscing</a:t>
            </a:r>
            <a:r>
              <a:rPr lang="en-US"/>
              <a:t> </a:t>
            </a:r>
            <a:r>
              <a:rPr lang="en-US" err="1"/>
              <a:t>elit</a:t>
            </a:r>
            <a:r>
              <a:rPr lang="en-US"/>
              <a:t>. </a:t>
            </a:r>
            <a:br>
              <a:rPr lang="en-US"/>
            </a:br>
            <a:r>
              <a:rPr lang="en-US"/>
              <a:t>Sed dictum </a:t>
            </a:r>
            <a:r>
              <a:rPr lang="en-US" err="1"/>
              <a:t>consectetur</a:t>
            </a:r>
            <a:r>
              <a:rPr lang="en-US"/>
              <a:t> auctor. Sed </a:t>
            </a:r>
            <a:r>
              <a:rPr lang="en-US" err="1"/>
              <a:t>quis</a:t>
            </a:r>
            <a:r>
              <a:rPr lang="en-US"/>
              <a:t> </a:t>
            </a:r>
            <a:r>
              <a:rPr lang="en-US" err="1"/>
              <a:t>consectetur</a:t>
            </a:r>
            <a:r>
              <a:rPr lang="en-US"/>
              <a:t> </a:t>
            </a:r>
            <a:r>
              <a:rPr lang="en-US" err="1"/>
              <a:t>justo</a:t>
            </a:r>
            <a:r>
              <a:rPr lang="en-US"/>
              <a:t>.</a:t>
            </a:r>
          </a:p>
        </p:txBody>
      </p:sp>
      <p:sp>
        <p:nvSpPr>
          <p:cNvPr id="19" name="Espace réservé du texte 10">
            <a:extLst>
              <a:ext uri="{FF2B5EF4-FFF2-40B4-BE49-F238E27FC236}">
                <a16:creationId xmlns:a16="http://schemas.microsoft.com/office/drawing/2014/main" id="{DCEA3BB4-8D82-F02E-870C-42066D6EF6C6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392107" y="2080388"/>
            <a:ext cx="2449497" cy="279115"/>
          </a:xfrm>
        </p:spPr>
        <p:txBody>
          <a:bodyPr/>
          <a:lstStyle>
            <a:lvl1pPr algn="r">
              <a:defRPr lang="fr-FR" sz="1800" b="0" kern="1200" dirty="0">
                <a:ln w="21590">
                  <a:noFill/>
                </a:ln>
                <a:solidFill>
                  <a:srgbClr val="F5908D"/>
                </a:solidFill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  <a:lvl2pPr marL="0" indent="0">
              <a:lnSpc>
                <a:spcPct val="90000"/>
              </a:lnSpc>
              <a:buNone/>
              <a:defRPr lang="fr-FR" sz="10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</a:lstStyle>
          <a:p>
            <a:pPr lvl="0"/>
            <a:r>
              <a:rPr lang="fr-FR"/>
              <a:t>Date</a:t>
            </a:r>
          </a:p>
        </p:txBody>
      </p:sp>
      <p:sp>
        <p:nvSpPr>
          <p:cNvPr id="28" name="Espace réservé du texte 10">
            <a:extLst>
              <a:ext uri="{FF2B5EF4-FFF2-40B4-BE49-F238E27FC236}">
                <a16:creationId xmlns:a16="http://schemas.microsoft.com/office/drawing/2014/main" id="{88979B03-14F0-8C30-9FE2-AB39AC4269F3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>
            <a:off x="392107" y="5239657"/>
            <a:ext cx="2449497" cy="695703"/>
          </a:xfrm>
        </p:spPr>
        <p:txBody>
          <a:bodyPr/>
          <a:lstStyle>
            <a:lvl1pPr>
              <a:defRPr lang="fr-FR" sz="1000" kern="1200" smtClean="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90000"/>
              </a:lnSpc>
              <a:buNone/>
              <a:defRPr lang="fr-FR" sz="10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</a:lstStyle>
          <a:p>
            <a:pPr lvl="0"/>
            <a:r>
              <a:rPr lang="fr-FR"/>
              <a:t>Lorem ipsum </a:t>
            </a:r>
            <a:r>
              <a:rPr lang="fr-FR" err="1"/>
              <a:t>dolor</a:t>
            </a:r>
            <a:r>
              <a:rPr lang="fr-FR"/>
              <a:t> </a:t>
            </a:r>
            <a:r>
              <a:rPr lang="fr-FR" err="1"/>
              <a:t>sit</a:t>
            </a:r>
            <a:r>
              <a:rPr lang="fr-FR"/>
              <a:t> </a:t>
            </a:r>
            <a:r>
              <a:rPr lang="fr-FR" err="1"/>
              <a:t>amet</a:t>
            </a:r>
            <a:r>
              <a:rPr lang="fr-FR"/>
              <a:t>, </a:t>
            </a:r>
            <a:r>
              <a:rPr lang="fr-FR" err="1"/>
              <a:t>consecte</a:t>
            </a:r>
            <a:endParaRPr lang="fr-FR"/>
          </a:p>
          <a:p>
            <a:pPr lvl="0"/>
            <a:r>
              <a:rPr lang="fr-FR"/>
              <a:t>tuer </a:t>
            </a:r>
            <a:r>
              <a:rPr lang="fr-FR" err="1"/>
              <a:t>adipiscing</a:t>
            </a:r>
            <a:r>
              <a:rPr lang="fr-FR"/>
              <a:t> </a:t>
            </a:r>
            <a:r>
              <a:rPr lang="fr-FR" err="1"/>
              <a:t>elit</a:t>
            </a:r>
            <a:r>
              <a:rPr lang="fr-FR"/>
              <a:t>, </a:t>
            </a:r>
            <a:r>
              <a:rPr lang="fr-FR" err="1"/>
              <a:t>sed</a:t>
            </a:r>
            <a:r>
              <a:rPr lang="fr-FR"/>
              <a:t> diam </a:t>
            </a:r>
            <a:r>
              <a:rPr lang="fr-FR" err="1"/>
              <a:t>nonum</a:t>
            </a:r>
            <a:r>
              <a:rPr lang="fr-FR"/>
              <a:t>-</a:t>
            </a:r>
          </a:p>
          <a:p>
            <a:pPr lvl="0"/>
            <a:r>
              <a:rPr lang="fr-FR" err="1"/>
              <a:t>my</a:t>
            </a:r>
            <a:r>
              <a:rPr lang="fr-FR"/>
              <a:t> </a:t>
            </a:r>
            <a:r>
              <a:rPr lang="fr-FR" err="1"/>
              <a:t>nibh</a:t>
            </a:r>
            <a:r>
              <a:rPr lang="fr-FR"/>
              <a:t> </a:t>
            </a:r>
            <a:r>
              <a:rPr lang="fr-FR" err="1"/>
              <a:t>euismod</a:t>
            </a:r>
            <a:r>
              <a:rPr lang="fr-FR"/>
              <a:t> </a:t>
            </a:r>
            <a:r>
              <a:rPr lang="fr-FR" err="1"/>
              <a:t>tincidunt</a:t>
            </a:r>
            <a:r>
              <a:rPr lang="fr-FR"/>
              <a:t> ut </a:t>
            </a:r>
            <a:r>
              <a:rPr lang="fr-FR" err="1"/>
              <a:t>laoreet</a:t>
            </a:r>
            <a:endParaRPr lang="fr-FR"/>
          </a:p>
          <a:p>
            <a:pPr lvl="0"/>
            <a:r>
              <a:rPr lang="fr-FR" err="1"/>
              <a:t>dolore</a:t>
            </a:r>
            <a:r>
              <a:rPr lang="fr-FR"/>
              <a:t> magna </a:t>
            </a:r>
            <a:r>
              <a:rPr lang="fr-FR" err="1"/>
              <a:t>aliquam</a:t>
            </a:r>
            <a:r>
              <a:rPr lang="fr-FR"/>
              <a:t> erat </a:t>
            </a:r>
            <a:r>
              <a:rPr lang="fr-FR" err="1"/>
              <a:t>volutpat</a:t>
            </a:r>
            <a:r>
              <a:rPr lang="fr-FR"/>
              <a:t>..</a:t>
            </a:r>
          </a:p>
        </p:txBody>
      </p:sp>
      <p:sp>
        <p:nvSpPr>
          <p:cNvPr id="30" name="Espace réservé du texte 10">
            <a:extLst>
              <a:ext uri="{FF2B5EF4-FFF2-40B4-BE49-F238E27FC236}">
                <a16:creationId xmlns:a16="http://schemas.microsoft.com/office/drawing/2014/main" id="{26281E53-D3FD-A0CD-31A3-BAC1F47A9349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3321661" y="5239657"/>
            <a:ext cx="2449497" cy="695703"/>
          </a:xfrm>
        </p:spPr>
        <p:txBody>
          <a:bodyPr/>
          <a:lstStyle>
            <a:lvl1pPr>
              <a:defRPr lang="fr-FR" sz="1000" kern="1200" smtClean="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90000"/>
              </a:lnSpc>
              <a:buNone/>
              <a:defRPr lang="fr-FR" sz="10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</a:lstStyle>
          <a:p>
            <a:pPr lvl="0"/>
            <a:r>
              <a:rPr lang="fr-FR"/>
              <a:t>Lorem ipsum </a:t>
            </a:r>
            <a:r>
              <a:rPr lang="fr-FR" err="1"/>
              <a:t>dolor</a:t>
            </a:r>
            <a:r>
              <a:rPr lang="fr-FR"/>
              <a:t> </a:t>
            </a:r>
            <a:r>
              <a:rPr lang="fr-FR" err="1"/>
              <a:t>sit</a:t>
            </a:r>
            <a:r>
              <a:rPr lang="fr-FR"/>
              <a:t> </a:t>
            </a:r>
            <a:r>
              <a:rPr lang="fr-FR" err="1"/>
              <a:t>amet</a:t>
            </a:r>
            <a:r>
              <a:rPr lang="fr-FR"/>
              <a:t>, </a:t>
            </a:r>
            <a:r>
              <a:rPr lang="fr-FR" err="1"/>
              <a:t>consecte</a:t>
            </a:r>
            <a:endParaRPr lang="fr-FR"/>
          </a:p>
          <a:p>
            <a:pPr lvl="0"/>
            <a:r>
              <a:rPr lang="fr-FR"/>
              <a:t>tuer </a:t>
            </a:r>
            <a:r>
              <a:rPr lang="fr-FR" err="1"/>
              <a:t>adipiscing</a:t>
            </a:r>
            <a:r>
              <a:rPr lang="fr-FR"/>
              <a:t> </a:t>
            </a:r>
            <a:r>
              <a:rPr lang="fr-FR" err="1"/>
              <a:t>elit</a:t>
            </a:r>
            <a:r>
              <a:rPr lang="fr-FR"/>
              <a:t>, </a:t>
            </a:r>
            <a:r>
              <a:rPr lang="fr-FR" err="1"/>
              <a:t>sed</a:t>
            </a:r>
            <a:r>
              <a:rPr lang="fr-FR"/>
              <a:t> diam </a:t>
            </a:r>
            <a:r>
              <a:rPr lang="fr-FR" err="1"/>
              <a:t>nonum</a:t>
            </a:r>
            <a:r>
              <a:rPr lang="fr-FR"/>
              <a:t>-</a:t>
            </a:r>
          </a:p>
          <a:p>
            <a:pPr lvl="0"/>
            <a:r>
              <a:rPr lang="fr-FR" err="1"/>
              <a:t>my</a:t>
            </a:r>
            <a:r>
              <a:rPr lang="fr-FR"/>
              <a:t> </a:t>
            </a:r>
            <a:r>
              <a:rPr lang="fr-FR" err="1"/>
              <a:t>nibh</a:t>
            </a:r>
            <a:r>
              <a:rPr lang="fr-FR"/>
              <a:t> </a:t>
            </a:r>
            <a:r>
              <a:rPr lang="fr-FR" err="1"/>
              <a:t>euismod</a:t>
            </a:r>
            <a:r>
              <a:rPr lang="fr-FR"/>
              <a:t> </a:t>
            </a:r>
            <a:r>
              <a:rPr lang="fr-FR" err="1"/>
              <a:t>tincidunt</a:t>
            </a:r>
            <a:r>
              <a:rPr lang="fr-FR"/>
              <a:t> ut </a:t>
            </a:r>
            <a:r>
              <a:rPr lang="fr-FR" err="1"/>
              <a:t>laoreet</a:t>
            </a:r>
            <a:endParaRPr lang="fr-FR"/>
          </a:p>
          <a:p>
            <a:pPr lvl="0"/>
            <a:r>
              <a:rPr lang="fr-FR" err="1"/>
              <a:t>dolore</a:t>
            </a:r>
            <a:r>
              <a:rPr lang="fr-FR"/>
              <a:t> magna </a:t>
            </a:r>
            <a:r>
              <a:rPr lang="fr-FR" err="1"/>
              <a:t>aliquam</a:t>
            </a:r>
            <a:r>
              <a:rPr lang="fr-FR"/>
              <a:t> erat </a:t>
            </a:r>
            <a:r>
              <a:rPr lang="fr-FR" err="1"/>
              <a:t>volutpat</a:t>
            </a:r>
            <a:r>
              <a:rPr lang="fr-FR"/>
              <a:t>..</a:t>
            </a:r>
          </a:p>
        </p:txBody>
      </p:sp>
      <p:sp>
        <p:nvSpPr>
          <p:cNvPr id="39" name="Espace réservé du texte 10">
            <a:extLst>
              <a:ext uri="{FF2B5EF4-FFF2-40B4-BE49-F238E27FC236}">
                <a16:creationId xmlns:a16="http://schemas.microsoft.com/office/drawing/2014/main" id="{8BEF1B81-FDBC-8052-D2AB-89BC95BAD58B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6251215" y="5239657"/>
            <a:ext cx="2449497" cy="695703"/>
          </a:xfrm>
        </p:spPr>
        <p:txBody>
          <a:bodyPr/>
          <a:lstStyle>
            <a:lvl1pPr>
              <a:defRPr lang="fr-FR" sz="1000" kern="1200" smtClean="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90000"/>
              </a:lnSpc>
              <a:buNone/>
              <a:defRPr lang="fr-FR" sz="10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</a:lstStyle>
          <a:p>
            <a:pPr lvl="0"/>
            <a:r>
              <a:rPr lang="fr-FR"/>
              <a:t>Lorem ipsum </a:t>
            </a:r>
            <a:r>
              <a:rPr lang="fr-FR" err="1"/>
              <a:t>dolor</a:t>
            </a:r>
            <a:r>
              <a:rPr lang="fr-FR"/>
              <a:t> </a:t>
            </a:r>
            <a:r>
              <a:rPr lang="fr-FR" err="1"/>
              <a:t>sit</a:t>
            </a:r>
            <a:r>
              <a:rPr lang="fr-FR"/>
              <a:t> </a:t>
            </a:r>
            <a:r>
              <a:rPr lang="fr-FR" err="1"/>
              <a:t>amet</a:t>
            </a:r>
            <a:r>
              <a:rPr lang="fr-FR"/>
              <a:t>, </a:t>
            </a:r>
            <a:r>
              <a:rPr lang="fr-FR" err="1"/>
              <a:t>consecte</a:t>
            </a:r>
            <a:endParaRPr lang="fr-FR"/>
          </a:p>
          <a:p>
            <a:pPr lvl="0"/>
            <a:r>
              <a:rPr lang="fr-FR"/>
              <a:t>tuer </a:t>
            </a:r>
            <a:r>
              <a:rPr lang="fr-FR" err="1"/>
              <a:t>adipiscing</a:t>
            </a:r>
            <a:r>
              <a:rPr lang="fr-FR"/>
              <a:t> </a:t>
            </a:r>
            <a:r>
              <a:rPr lang="fr-FR" err="1"/>
              <a:t>elit</a:t>
            </a:r>
            <a:r>
              <a:rPr lang="fr-FR"/>
              <a:t>, </a:t>
            </a:r>
            <a:r>
              <a:rPr lang="fr-FR" err="1"/>
              <a:t>sed</a:t>
            </a:r>
            <a:r>
              <a:rPr lang="fr-FR"/>
              <a:t> diam </a:t>
            </a:r>
            <a:r>
              <a:rPr lang="fr-FR" err="1"/>
              <a:t>nonum</a:t>
            </a:r>
            <a:r>
              <a:rPr lang="fr-FR"/>
              <a:t>-</a:t>
            </a:r>
          </a:p>
          <a:p>
            <a:pPr lvl="0"/>
            <a:r>
              <a:rPr lang="fr-FR" err="1"/>
              <a:t>my</a:t>
            </a:r>
            <a:r>
              <a:rPr lang="fr-FR"/>
              <a:t> </a:t>
            </a:r>
            <a:r>
              <a:rPr lang="fr-FR" err="1"/>
              <a:t>nibh</a:t>
            </a:r>
            <a:r>
              <a:rPr lang="fr-FR"/>
              <a:t> </a:t>
            </a:r>
            <a:r>
              <a:rPr lang="fr-FR" err="1"/>
              <a:t>euismod</a:t>
            </a:r>
            <a:r>
              <a:rPr lang="fr-FR"/>
              <a:t> </a:t>
            </a:r>
            <a:r>
              <a:rPr lang="fr-FR" err="1"/>
              <a:t>tincidunt</a:t>
            </a:r>
            <a:r>
              <a:rPr lang="fr-FR"/>
              <a:t> ut </a:t>
            </a:r>
            <a:r>
              <a:rPr lang="fr-FR" err="1"/>
              <a:t>laoreet</a:t>
            </a:r>
            <a:endParaRPr lang="fr-FR"/>
          </a:p>
          <a:p>
            <a:pPr lvl="0"/>
            <a:r>
              <a:rPr lang="fr-FR" err="1"/>
              <a:t>dolore</a:t>
            </a:r>
            <a:r>
              <a:rPr lang="fr-FR"/>
              <a:t> magna </a:t>
            </a:r>
            <a:r>
              <a:rPr lang="fr-FR" err="1"/>
              <a:t>aliquam</a:t>
            </a:r>
            <a:r>
              <a:rPr lang="fr-FR"/>
              <a:t> erat </a:t>
            </a:r>
            <a:r>
              <a:rPr lang="fr-FR" err="1"/>
              <a:t>volutpat</a:t>
            </a:r>
            <a:r>
              <a:rPr lang="fr-FR"/>
              <a:t>..</a:t>
            </a:r>
          </a:p>
        </p:txBody>
      </p:sp>
      <p:sp>
        <p:nvSpPr>
          <p:cNvPr id="40" name="Espace réservé du texte 10">
            <a:extLst>
              <a:ext uri="{FF2B5EF4-FFF2-40B4-BE49-F238E27FC236}">
                <a16:creationId xmlns:a16="http://schemas.microsoft.com/office/drawing/2014/main" id="{CA90069F-8798-1C94-17CB-449167D106F5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180769" y="5239657"/>
            <a:ext cx="2449497" cy="864083"/>
          </a:xfrm>
        </p:spPr>
        <p:txBody>
          <a:bodyPr/>
          <a:lstStyle>
            <a:lvl1pPr>
              <a:defRPr lang="fr-FR" sz="1000" kern="1200" smtClean="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90000"/>
              </a:lnSpc>
              <a:buNone/>
              <a:defRPr lang="fr-FR" sz="10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</a:lstStyle>
          <a:p>
            <a:pPr lvl="0"/>
            <a:r>
              <a:rPr lang="fr-FR"/>
              <a:t>Lorem ipsum </a:t>
            </a:r>
            <a:r>
              <a:rPr lang="fr-FR" err="1"/>
              <a:t>dolor</a:t>
            </a:r>
            <a:r>
              <a:rPr lang="fr-FR"/>
              <a:t> </a:t>
            </a:r>
            <a:r>
              <a:rPr lang="fr-FR" err="1"/>
              <a:t>sit</a:t>
            </a:r>
            <a:r>
              <a:rPr lang="fr-FR"/>
              <a:t> </a:t>
            </a:r>
            <a:r>
              <a:rPr lang="fr-FR" err="1"/>
              <a:t>amet</a:t>
            </a:r>
            <a:r>
              <a:rPr lang="fr-FR"/>
              <a:t>, </a:t>
            </a:r>
            <a:r>
              <a:rPr lang="fr-FR" err="1"/>
              <a:t>consecte</a:t>
            </a:r>
            <a:endParaRPr lang="fr-FR"/>
          </a:p>
          <a:p>
            <a:pPr lvl="0"/>
            <a:r>
              <a:rPr lang="fr-FR"/>
              <a:t>tuer </a:t>
            </a:r>
            <a:r>
              <a:rPr lang="fr-FR" err="1"/>
              <a:t>adipiscing</a:t>
            </a:r>
            <a:r>
              <a:rPr lang="fr-FR"/>
              <a:t> </a:t>
            </a:r>
            <a:r>
              <a:rPr lang="fr-FR" err="1"/>
              <a:t>elit</a:t>
            </a:r>
            <a:r>
              <a:rPr lang="fr-FR"/>
              <a:t>, </a:t>
            </a:r>
            <a:r>
              <a:rPr lang="fr-FR" err="1"/>
              <a:t>sed</a:t>
            </a:r>
            <a:r>
              <a:rPr lang="fr-FR"/>
              <a:t> diam </a:t>
            </a:r>
            <a:r>
              <a:rPr lang="fr-FR" err="1"/>
              <a:t>nonum</a:t>
            </a:r>
            <a:r>
              <a:rPr lang="fr-FR"/>
              <a:t>-</a:t>
            </a:r>
          </a:p>
          <a:p>
            <a:pPr lvl="0"/>
            <a:r>
              <a:rPr lang="fr-FR" err="1"/>
              <a:t>my</a:t>
            </a:r>
            <a:r>
              <a:rPr lang="fr-FR"/>
              <a:t> </a:t>
            </a:r>
            <a:r>
              <a:rPr lang="fr-FR" err="1"/>
              <a:t>nibh</a:t>
            </a:r>
            <a:r>
              <a:rPr lang="fr-FR"/>
              <a:t> </a:t>
            </a:r>
            <a:r>
              <a:rPr lang="fr-FR" err="1"/>
              <a:t>euismod</a:t>
            </a:r>
            <a:r>
              <a:rPr lang="fr-FR"/>
              <a:t> </a:t>
            </a:r>
            <a:r>
              <a:rPr lang="fr-FR" err="1"/>
              <a:t>tincidunt</a:t>
            </a:r>
            <a:r>
              <a:rPr lang="fr-FR"/>
              <a:t> ut </a:t>
            </a:r>
            <a:r>
              <a:rPr lang="fr-FR" err="1"/>
              <a:t>laoreet</a:t>
            </a:r>
            <a:endParaRPr lang="fr-FR"/>
          </a:p>
          <a:p>
            <a:pPr lvl="0"/>
            <a:r>
              <a:rPr lang="fr-FR" err="1"/>
              <a:t>dolore</a:t>
            </a:r>
            <a:r>
              <a:rPr lang="fr-FR"/>
              <a:t> magna </a:t>
            </a:r>
            <a:r>
              <a:rPr lang="fr-FR" err="1"/>
              <a:t>aliquam</a:t>
            </a:r>
            <a:r>
              <a:rPr lang="fr-FR"/>
              <a:t> erat </a:t>
            </a:r>
            <a:r>
              <a:rPr lang="fr-FR" err="1"/>
              <a:t>volutpat</a:t>
            </a:r>
            <a:r>
              <a:rPr lang="fr-FR"/>
              <a:t>..</a:t>
            </a:r>
          </a:p>
          <a:p>
            <a:pPr lvl="1"/>
            <a:r>
              <a:rPr lang="fr-FR"/>
              <a:t>.</a:t>
            </a:r>
          </a:p>
        </p:txBody>
      </p:sp>
      <p:sp>
        <p:nvSpPr>
          <p:cNvPr id="41" name="Espace réservé pour une image  24">
            <a:extLst>
              <a:ext uri="{FF2B5EF4-FFF2-40B4-BE49-F238E27FC236}">
                <a16:creationId xmlns:a16="http://schemas.microsoft.com/office/drawing/2014/main" id="{6F8802A3-3A47-E186-5633-4D0434508A8A}"/>
              </a:ext>
            </a:extLst>
          </p:cNvPr>
          <p:cNvSpPr>
            <a:spLocks noGrp="1"/>
          </p:cNvSpPr>
          <p:nvPr>
            <p:ph type="pic" sz="quarter" idx="60"/>
          </p:nvPr>
        </p:nvSpPr>
        <p:spPr>
          <a:xfrm>
            <a:off x="392107" y="2656749"/>
            <a:ext cx="2460273" cy="2451074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42" name="Espace réservé du texte 63">
            <a:extLst>
              <a:ext uri="{FF2B5EF4-FFF2-40B4-BE49-F238E27FC236}">
                <a16:creationId xmlns:a16="http://schemas.microsoft.com/office/drawing/2014/main" id="{A1620640-F1DC-7BE9-ABB5-923A193C7085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007152" y="2656750"/>
            <a:ext cx="845228" cy="844680"/>
          </a:xfrm>
          <a:custGeom>
            <a:avLst/>
            <a:gdLst>
              <a:gd name="connsiteX0" fmla="*/ 838762 w 1689576"/>
              <a:gd name="connsiteY0" fmla="*/ 0 h 1689360"/>
              <a:gd name="connsiteX1" fmla="*/ 1689576 w 1689576"/>
              <a:gd name="connsiteY1" fmla="*/ 0 h 1689360"/>
              <a:gd name="connsiteX2" fmla="*/ 1689576 w 1689576"/>
              <a:gd name="connsiteY2" fmla="*/ 850801 h 1689360"/>
              <a:gd name="connsiteX3" fmla="*/ 1689044 w 1689576"/>
              <a:gd name="connsiteY3" fmla="*/ 850801 h 1689360"/>
              <a:gd name="connsiteX4" fmla="*/ 1689044 w 1689576"/>
              <a:gd name="connsiteY4" fmla="*/ 1689360 h 1689360"/>
              <a:gd name="connsiteX5" fmla="*/ 838228 w 1689576"/>
              <a:gd name="connsiteY5" fmla="*/ 1689360 h 1689360"/>
              <a:gd name="connsiteX6" fmla="*/ 838228 w 1689576"/>
              <a:gd name="connsiteY6" fmla="*/ 851132 h 1689360"/>
              <a:gd name="connsiteX7" fmla="*/ 0 w 1689576"/>
              <a:gd name="connsiteY7" fmla="*/ 851132 h 1689360"/>
              <a:gd name="connsiteX8" fmla="*/ 0 w 1689576"/>
              <a:gd name="connsiteY8" fmla="*/ 304 h 1689360"/>
              <a:gd name="connsiteX9" fmla="*/ 838762 w 1689576"/>
              <a:gd name="connsiteY9" fmla="*/ 304 h 16893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689576" h="1689360">
                <a:moveTo>
                  <a:pt x="838762" y="0"/>
                </a:moveTo>
                <a:lnTo>
                  <a:pt x="1689576" y="0"/>
                </a:lnTo>
                <a:lnTo>
                  <a:pt x="1689576" y="850801"/>
                </a:lnTo>
                <a:lnTo>
                  <a:pt x="1689044" y="850801"/>
                </a:lnTo>
                <a:lnTo>
                  <a:pt x="1689044" y="1689360"/>
                </a:lnTo>
                <a:lnTo>
                  <a:pt x="838228" y="1689360"/>
                </a:lnTo>
                <a:lnTo>
                  <a:pt x="838228" y="851132"/>
                </a:lnTo>
                <a:lnTo>
                  <a:pt x="0" y="851132"/>
                </a:lnTo>
                <a:lnTo>
                  <a:pt x="0" y="304"/>
                </a:lnTo>
                <a:lnTo>
                  <a:pt x="838762" y="304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solidFill>
                  <a:schemeClr val="accent3"/>
                </a:solidFill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43" name="Espace réservé du texte 65">
            <a:extLst>
              <a:ext uri="{FF2B5EF4-FFF2-40B4-BE49-F238E27FC236}">
                <a16:creationId xmlns:a16="http://schemas.microsoft.com/office/drawing/2014/main" id="{88F0F9F2-6D58-7CCA-99B0-266C206BA7FC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392107" y="4682416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solidFill>
                  <a:schemeClr val="accent3"/>
                </a:solidFill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44" name="Espace réservé pour une image  24">
            <a:extLst>
              <a:ext uri="{FF2B5EF4-FFF2-40B4-BE49-F238E27FC236}">
                <a16:creationId xmlns:a16="http://schemas.microsoft.com/office/drawing/2014/main" id="{E18C3963-E2DF-A5C8-1B11-1185D863F78C}"/>
              </a:ext>
            </a:extLst>
          </p:cNvPr>
          <p:cNvSpPr>
            <a:spLocks noGrp="1"/>
          </p:cNvSpPr>
          <p:nvPr>
            <p:ph type="pic" sz="quarter" idx="63"/>
          </p:nvPr>
        </p:nvSpPr>
        <p:spPr>
          <a:xfrm>
            <a:off x="3321661" y="2656749"/>
            <a:ext cx="2460273" cy="2451074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45" name="Espace réservé du texte 63">
            <a:extLst>
              <a:ext uri="{FF2B5EF4-FFF2-40B4-BE49-F238E27FC236}">
                <a16:creationId xmlns:a16="http://schemas.microsoft.com/office/drawing/2014/main" id="{7D6597C0-FA8D-527C-3A1C-6FAA8210E3D4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4936706" y="2656750"/>
            <a:ext cx="845228" cy="844680"/>
          </a:xfrm>
          <a:custGeom>
            <a:avLst/>
            <a:gdLst>
              <a:gd name="connsiteX0" fmla="*/ 838762 w 1689576"/>
              <a:gd name="connsiteY0" fmla="*/ 0 h 1689360"/>
              <a:gd name="connsiteX1" fmla="*/ 1689576 w 1689576"/>
              <a:gd name="connsiteY1" fmla="*/ 0 h 1689360"/>
              <a:gd name="connsiteX2" fmla="*/ 1689576 w 1689576"/>
              <a:gd name="connsiteY2" fmla="*/ 850801 h 1689360"/>
              <a:gd name="connsiteX3" fmla="*/ 1689044 w 1689576"/>
              <a:gd name="connsiteY3" fmla="*/ 850801 h 1689360"/>
              <a:gd name="connsiteX4" fmla="*/ 1689044 w 1689576"/>
              <a:gd name="connsiteY4" fmla="*/ 1689360 h 1689360"/>
              <a:gd name="connsiteX5" fmla="*/ 838228 w 1689576"/>
              <a:gd name="connsiteY5" fmla="*/ 1689360 h 1689360"/>
              <a:gd name="connsiteX6" fmla="*/ 838228 w 1689576"/>
              <a:gd name="connsiteY6" fmla="*/ 851132 h 1689360"/>
              <a:gd name="connsiteX7" fmla="*/ 0 w 1689576"/>
              <a:gd name="connsiteY7" fmla="*/ 851132 h 1689360"/>
              <a:gd name="connsiteX8" fmla="*/ 0 w 1689576"/>
              <a:gd name="connsiteY8" fmla="*/ 304 h 1689360"/>
              <a:gd name="connsiteX9" fmla="*/ 838762 w 1689576"/>
              <a:gd name="connsiteY9" fmla="*/ 304 h 16893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689576" h="1689360">
                <a:moveTo>
                  <a:pt x="838762" y="0"/>
                </a:moveTo>
                <a:lnTo>
                  <a:pt x="1689576" y="0"/>
                </a:lnTo>
                <a:lnTo>
                  <a:pt x="1689576" y="850801"/>
                </a:lnTo>
                <a:lnTo>
                  <a:pt x="1689044" y="850801"/>
                </a:lnTo>
                <a:lnTo>
                  <a:pt x="1689044" y="1689360"/>
                </a:lnTo>
                <a:lnTo>
                  <a:pt x="838228" y="1689360"/>
                </a:lnTo>
                <a:lnTo>
                  <a:pt x="838228" y="851132"/>
                </a:lnTo>
                <a:lnTo>
                  <a:pt x="0" y="851132"/>
                </a:lnTo>
                <a:lnTo>
                  <a:pt x="0" y="304"/>
                </a:lnTo>
                <a:lnTo>
                  <a:pt x="838762" y="304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solidFill>
                  <a:schemeClr val="accent3"/>
                </a:solidFill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46" name="Espace réservé du texte 65">
            <a:extLst>
              <a:ext uri="{FF2B5EF4-FFF2-40B4-BE49-F238E27FC236}">
                <a16:creationId xmlns:a16="http://schemas.microsoft.com/office/drawing/2014/main" id="{8DDB8386-09DC-1487-72F1-006A20163604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3321661" y="4682416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solidFill>
                  <a:schemeClr val="accent3"/>
                </a:solidFill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47" name="Espace réservé pour une image  24">
            <a:extLst>
              <a:ext uri="{FF2B5EF4-FFF2-40B4-BE49-F238E27FC236}">
                <a16:creationId xmlns:a16="http://schemas.microsoft.com/office/drawing/2014/main" id="{FA36C483-9489-782C-7150-D1ADCF68B443}"/>
              </a:ext>
            </a:extLst>
          </p:cNvPr>
          <p:cNvSpPr>
            <a:spLocks noGrp="1"/>
          </p:cNvSpPr>
          <p:nvPr>
            <p:ph type="pic" sz="quarter" idx="66"/>
          </p:nvPr>
        </p:nvSpPr>
        <p:spPr>
          <a:xfrm>
            <a:off x="6251216" y="2656749"/>
            <a:ext cx="2460273" cy="2451074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48" name="Espace réservé du texte 63">
            <a:extLst>
              <a:ext uri="{FF2B5EF4-FFF2-40B4-BE49-F238E27FC236}">
                <a16:creationId xmlns:a16="http://schemas.microsoft.com/office/drawing/2014/main" id="{A9DBD845-A515-B98D-BC73-FCB1198A469E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7866261" y="2656750"/>
            <a:ext cx="845228" cy="844680"/>
          </a:xfrm>
          <a:custGeom>
            <a:avLst/>
            <a:gdLst>
              <a:gd name="connsiteX0" fmla="*/ 838762 w 1689576"/>
              <a:gd name="connsiteY0" fmla="*/ 0 h 1689360"/>
              <a:gd name="connsiteX1" fmla="*/ 1689576 w 1689576"/>
              <a:gd name="connsiteY1" fmla="*/ 0 h 1689360"/>
              <a:gd name="connsiteX2" fmla="*/ 1689576 w 1689576"/>
              <a:gd name="connsiteY2" fmla="*/ 850801 h 1689360"/>
              <a:gd name="connsiteX3" fmla="*/ 1689044 w 1689576"/>
              <a:gd name="connsiteY3" fmla="*/ 850801 h 1689360"/>
              <a:gd name="connsiteX4" fmla="*/ 1689044 w 1689576"/>
              <a:gd name="connsiteY4" fmla="*/ 1689360 h 1689360"/>
              <a:gd name="connsiteX5" fmla="*/ 838228 w 1689576"/>
              <a:gd name="connsiteY5" fmla="*/ 1689360 h 1689360"/>
              <a:gd name="connsiteX6" fmla="*/ 838228 w 1689576"/>
              <a:gd name="connsiteY6" fmla="*/ 851132 h 1689360"/>
              <a:gd name="connsiteX7" fmla="*/ 0 w 1689576"/>
              <a:gd name="connsiteY7" fmla="*/ 851132 h 1689360"/>
              <a:gd name="connsiteX8" fmla="*/ 0 w 1689576"/>
              <a:gd name="connsiteY8" fmla="*/ 304 h 1689360"/>
              <a:gd name="connsiteX9" fmla="*/ 838762 w 1689576"/>
              <a:gd name="connsiteY9" fmla="*/ 304 h 16893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689576" h="1689360">
                <a:moveTo>
                  <a:pt x="838762" y="0"/>
                </a:moveTo>
                <a:lnTo>
                  <a:pt x="1689576" y="0"/>
                </a:lnTo>
                <a:lnTo>
                  <a:pt x="1689576" y="850801"/>
                </a:lnTo>
                <a:lnTo>
                  <a:pt x="1689044" y="850801"/>
                </a:lnTo>
                <a:lnTo>
                  <a:pt x="1689044" y="1689360"/>
                </a:lnTo>
                <a:lnTo>
                  <a:pt x="838228" y="1689360"/>
                </a:lnTo>
                <a:lnTo>
                  <a:pt x="838228" y="851132"/>
                </a:lnTo>
                <a:lnTo>
                  <a:pt x="0" y="851132"/>
                </a:lnTo>
                <a:lnTo>
                  <a:pt x="0" y="304"/>
                </a:lnTo>
                <a:lnTo>
                  <a:pt x="838762" y="304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solidFill>
                  <a:schemeClr val="accent3"/>
                </a:solidFill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49" name="Espace réservé du texte 65">
            <a:extLst>
              <a:ext uri="{FF2B5EF4-FFF2-40B4-BE49-F238E27FC236}">
                <a16:creationId xmlns:a16="http://schemas.microsoft.com/office/drawing/2014/main" id="{C785818C-B256-6C54-0DF4-60AA0753B3AF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6251215" y="4682416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solidFill>
                  <a:schemeClr val="accent3"/>
                </a:solidFill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50" name="Espace réservé pour une image  24">
            <a:extLst>
              <a:ext uri="{FF2B5EF4-FFF2-40B4-BE49-F238E27FC236}">
                <a16:creationId xmlns:a16="http://schemas.microsoft.com/office/drawing/2014/main" id="{B10716A4-32F4-7104-C4D7-55C9C15C3D82}"/>
              </a:ext>
            </a:extLst>
          </p:cNvPr>
          <p:cNvSpPr>
            <a:spLocks noGrp="1"/>
          </p:cNvSpPr>
          <p:nvPr>
            <p:ph type="pic" sz="quarter" idx="69"/>
          </p:nvPr>
        </p:nvSpPr>
        <p:spPr>
          <a:xfrm>
            <a:off x="9180770" y="2656749"/>
            <a:ext cx="2460273" cy="2451074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51" name="Espace réservé du texte 63">
            <a:extLst>
              <a:ext uri="{FF2B5EF4-FFF2-40B4-BE49-F238E27FC236}">
                <a16:creationId xmlns:a16="http://schemas.microsoft.com/office/drawing/2014/main" id="{185AF287-A4E4-468B-00C8-D6EDFA40A610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10795815" y="2656750"/>
            <a:ext cx="845228" cy="844680"/>
          </a:xfrm>
          <a:custGeom>
            <a:avLst/>
            <a:gdLst>
              <a:gd name="connsiteX0" fmla="*/ 838762 w 1689576"/>
              <a:gd name="connsiteY0" fmla="*/ 0 h 1689360"/>
              <a:gd name="connsiteX1" fmla="*/ 1689576 w 1689576"/>
              <a:gd name="connsiteY1" fmla="*/ 0 h 1689360"/>
              <a:gd name="connsiteX2" fmla="*/ 1689576 w 1689576"/>
              <a:gd name="connsiteY2" fmla="*/ 850801 h 1689360"/>
              <a:gd name="connsiteX3" fmla="*/ 1689044 w 1689576"/>
              <a:gd name="connsiteY3" fmla="*/ 850801 h 1689360"/>
              <a:gd name="connsiteX4" fmla="*/ 1689044 w 1689576"/>
              <a:gd name="connsiteY4" fmla="*/ 1689360 h 1689360"/>
              <a:gd name="connsiteX5" fmla="*/ 838228 w 1689576"/>
              <a:gd name="connsiteY5" fmla="*/ 1689360 h 1689360"/>
              <a:gd name="connsiteX6" fmla="*/ 838228 w 1689576"/>
              <a:gd name="connsiteY6" fmla="*/ 851132 h 1689360"/>
              <a:gd name="connsiteX7" fmla="*/ 0 w 1689576"/>
              <a:gd name="connsiteY7" fmla="*/ 851132 h 1689360"/>
              <a:gd name="connsiteX8" fmla="*/ 0 w 1689576"/>
              <a:gd name="connsiteY8" fmla="*/ 304 h 1689360"/>
              <a:gd name="connsiteX9" fmla="*/ 838762 w 1689576"/>
              <a:gd name="connsiteY9" fmla="*/ 304 h 16893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689576" h="1689360">
                <a:moveTo>
                  <a:pt x="838762" y="0"/>
                </a:moveTo>
                <a:lnTo>
                  <a:pt x="1689576" y="0"/>
                </a:lnTo>
                <a:lnTo>
                  <a:pt x="1689576" y="850801"/>
                </a:lnTo>
                <a:lnTo>
                  <a:pt x="1689044" y="850801"/>
                </a:lnTo>
                <a:lnTo>
                  <a:pt x="1689044" y="1689360"/>
                </a:lnTo>
                <a:lnTo>
                  <a:pt x="838228" y="1689360"/>
                </a:lnTo>
                <a:lnTo>
                  <a:pt x="838228" y="851132"/>
                </a:lnTo>
                <a:lnTo>
                  <a:pt x="0" y="851132"/>
                </a:lnTo>
                <a:lnTo>
                  <a:pt x="0" y="304"/>
                </a:lnTo>
                <a:lnTo>
                  <a:pt x="838762" y="304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solidFill>
                  <a:schemeClr val="accent3"/>
                </a:solidFill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52" name="Espace réservé du texte 65">
            <a:extLst>
              <a:ext uri="{FF2B5EF4-FFF2-40B4-BE49-F238E27FC236}">
                <a16:creationId xmlns:a16="http://schemas.microsoft.com/office/drawing/2014/main" id="{35C5FB42-0EF5-B5ED-36C5-4209739882D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9180769" y="4682416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solidFill>
                  <a:schemeClr val="accent3"/>
                </a:solidFill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" name="Espace réservé du texte 10">
            <a:extLst>
              <a:ext uri="{FF2B5EF4-FFF2-40B4-BE49-F238E27FC236}">
                <a16:creationId xmlns:a16="http://schemas.microsoft.com/office/drawing/2014/main" id="{C35BAD9D-98F2-74B3-3575-50C7633A76D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81330" y="380016"/>
            <a:ext cx="11658190" cy="579902"/>
          </a:xfrm>
        </p:spPr>
        <p:txBody>
          <a:bodyPr/>
          <a:lstStyle>
            <a:lvl1pPr>
              <a:defRPr lang="fr-FR" sz="1800" b="1" i="0" u="none" strike="noStrike" kern="1200" baseline="0" smtClean="0">
                <a:solidFill>
                  <a:srgbClr val="005573"/>
                </a:solidFill>
                <a:latin typeface="Poppins" panose="00000500000000000000" pitchFamily="2" charset="0"/>
                <a:ea typeface="+mn-ea"/>
                <a:cs typeface="Poppins" panose="00000500000000000000" pitchFamily="2" charset="0"/>
              </a:defRPr>
            </a:lvl1pPr>
            <a:lvl2pPr marL="0" indent="0">
              <a:buNone/>
              <a:defRPr lang="en-US" sz="1800" b="0" i="0" u="none" strike="noStrike" kern="1200" baseline="0" smtClean="0">
                <a:solidFill>
                  <a:srgbClr val="F5908D"/>
                </a:solidFill>
                <a:latin typeface="Poppins Light" panose="00000400000000000000" pitchFamily="2" charset="0"/>
                <a:ea typeface="+mn-ea"/>
                <a:cs typeface="Poppins Light" panose="00000400000000000000" pitchFamily="2" charset="0"/>
              </a:defRPr>
            </a:lvl2pPr>
          </a:lstStyle>
          <a:p>
            <a:pPr lvl="0"/>
            <a:r>
              <a:rPr lang="fr-FR"/>
              <a:t>Highlights in pictures</a:t>
            </a:r>
          </a:p>
          <a:p>
            <a:pPr lvl="1"/>
            <a:r>
              <a:rPr lang="fr-FR"/>
              <a:t>Subtitle</a:t>
            </a:r>
            <a:endParaRPr lang="en-US"/>
          </a:p>
        </p:txBody>
      </p:sp>
      <p:sp>
        <p:nvSpPr>
          <p:cNvPr id="4" name="Forme libre : forme 3">
            <a:extLst>
              <a:ext uri="{FF2B5EF4-FFF2-40B4-BE49-F238E27FC236}">
                <a16:creationId xmlns:a16="http://schemas.microsoft.com/office/drawing/2014/main" id="{2C298236-7708-2170-81FC-46CB638FED8A}"/>
              </a:ext>
            </a:extLst>
          </p:cNvPr>
          <p:cNvSpPr/>
          <p:nvPr userDrawn="1"/>
        </p:nvSpPr>
        <p:spPr>
          <a:xfrm rot="10800000" flipV="1">
            <a:off x="10488606" y="422466"/>
            <a:ext cx="425393" cy="425171"/>
          </a:xfrm>
          <a:custGeom>
            <a:avLst/>
            <a:gdLst>
              <a:gd name="connsiteX0" fmla="*/ 1685 w 850342"/>
              <a:gd name="connsiteY0" fmla="*/ -781 h 850342"/>
              <a:gd name="connsiteX1" fmla="*/ 852028 w 850342"/>
              <a:gd name="connsiteY1" fmla="*/ -781 h 850342"/>
              <a:gd name="connsiteX2" fmla="*/ 852028 w 850342"/>
              <a:gd name="connsiteY2" fmla="*/ 849562 h 850342"/>
              <a:gd name="connsiteX3" fmla="*/ 1685 w 850342"/>
              <a:gd name="connsiteY3" fmla="*/ 849562 h 85034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342" h="850342">
                <a:moveTo>
                  <a:pt x="1685" y="-781"/>
                </a:moveTo>
                <a:lnTo>
                  <a:pt x="852028" y="-781"/>
                </a:lnTo>
                <a:lnTo>
                  <a:pt x="852028" y="849562"/>
                </a:lnTo>
                <a:lnTo>
                  <a:pt x="1685" y="849562"/>
                </a:lnTo>
                <a:close/>
              </a:path>
            </a:pathLst>
          </a:custGeom>
          <a:solidFill>
            <a:srgbClr val="C4F6EF"/>
          </a:solidFill>
          <a:ln w="12690" cap="flat">
            <a:noFill/>
            <a:prstDash val="solid"/>
            <a:round/>
          </a:ln>
        </p:spPr>
        <p:txBody>
          <a:bodyPr rtlCol="0" anchor="ctr"/>
          <a:lstStyle/>
          <a:p>
            <a:endParaRPr lang="en-US" sz="900"/>
          </a:p>
        </p:txBody>
      </p:sp>
      <p:sp>
        <p:nvSpPr>
          <p:cNvPr id="8" name="Forme libre : forme 7">
            <a:extLst>
              <a:ext uri="{FF2B5EF4-FFF2-40B4-BE49-F238E27FC236}">
                <a16:creationId xmlns:a16="http://schemas.microsoft.com/office/drawing/2014/main" id="{A2261BD3-C562-F562-F93F-FA4C65DD6B33}"/>
              </a:ext>
            </a:extLst>
          </p:cNvPr>
          <p:cNvSpPr/>
          <p:nvPr userDrawn="1"/>
        </p:nvSpPr>
        <p:spPr>
          <a:xfrm>
            <a:off x="11766613" y="5239657"/>
            <a:ext cx="425393" cy="425171"/>
          </a:xfrm>
          <a:custGeom>
            <a:avLst/>
            <a:gdLst>
              <a:gd name="connsiteX0" fmla="*/ 1887 w 850342"/>
              <a:gd name="connsiteY0" fmla="*/ 1452 h 850342"/>
              <a:gd name="connsiteX1" fmla="*/ 852229 w 850342"/>
              <a:gd name="connsiteY1" fmla="*/ 1452 h 850342"/>
              <a:gd name="connsiteX2" fmla="*/ 852229 w 850342"/>
              <a:gd name="connsiteY2" fmla="*/ 851795 h 850342"/>
              <a:gd name="connsiteX3" fmla="*/ 1887 w 850342"/>
              <a:gd name="connsiteY3" fmla="*/ 851795 h 85034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342" h="850342">
                <a:moveTo>
                  <a:pt x="1887" y="1452"/>
                </a:moveTo>
                <a:lnTo>
                  <a:pt x="852229" y="1452"/>
                </a:lnTo>
                <a:lnTo>
                  <a:pt x="852229" y="851795"/>
                </a:lnTo>
                <a:lnTo>
                  <a:pt x="1887" y="851795"/>
                </a:lnTo>
                <a:close/>
              </a:path>
            </a:pathLst>
          </a:custGeom>
          <a:solidFill>
            <a:srgbClr val="FCDAD9"/>
          </a:solidFill>
          <a:ln w="12690" cap="flat">
            <a:noFill/>
            <a:prstDash val="solid"/>
            <a:round/>
          </a:ln>
        </p:spPr>
        <p:txBody>
          <a:bodyPr rtlCol="0" anchor="ctr"/>
          <a:lstStyle/>
          <a:p>
            <a:endParaRPr lang="en-US" sz="900"/>
          </a:p>
        </p:txBody>
      </p:sp>
      <p:sp>
        <p:nvSpPr>
          <p:cNvPr id="9" name="Forme libre : forme 8">
            <a:extLst>
              <a:ext uri="{FF2B5EF4-FFF2-40B4-BE49-F238E27FC236}">
                <a16:creationId xmlns:a16="http://schemas.microsoft.com/office/drawing/2014/main" id="{A581881D-059D-A222-BF6C-8EAC2BC63B01}"/>
              </a:ext>
            </a:extLst>
          </p:cNvPr>
          <p:cNvSpPr/>
          <p:nvPr userDrawn="1"/>
        </p:nvSpPr>
        <p:spPr>
          <a:xfrm>
            <a:off x="11347241" y="3571"/>
            <a:ext cx="844759" cy="844212"/>
          </a:xfrm>
          <a:custGeom>
            <a:avLst/>
            <a:gdLst>
              <a:gd name="connsiteX0" fmla="*/ 1692413 w 1688639"/>
              <a:gd name="connsiteY0" fmla="*/ 200 h 1688423"/>
              <a:gd name="connsiteX1" fmla="*/ 842070 w 1688639"/>
              <a:gd name="connsiteY1" fmla="*/ 200 h 1688423"/>
              <a:gd name="connsiteX2" fmla="*/ 842070 w 1688639"/>
              <a:gd name="connsiteY2" fmla="*/ 517 h 1688423"/>
              <a:gd name="connsiteX3" fmla="*/ 3773 w 1688639"/>
              <a:gd name="connsiteY3" fmla="*/ 517 h 1688423"/>
              <a:gd name="connsiteX4" fmla="*/ 3773 w 1688639"/>
              <a:gd name="connsiteY4" fmla="*/ 850860 h 1688423"/>
              <a:gd name="connsiteX5" fmla="*/ 841537 w 1688639"/>
              <a:gd name="connsiteY5" fmla="*/ 850860 h 1688423"/>
              <a:gd name="connsiteX6" fmla="*/ 841537 w 1688639"/>
              <a:gd name="connsiteY6" fmla="*/ 1688623 h 1688423"/>
              <a:gd name="connsiteX7" fmla="*/ 1691880 w 1688639"/>
              <a:gd name="connsiteY7" fmla="*/ 1688623 h 1688423"/>
              <a:gd name="connsiteX8" fmla="*/ 1691880 w 1688639"/>
              <a:gd name="connsiteY8" fmla="*/ 850542 h 1688423"/>
              <a:gd name="connsiteX9" fmla="*/ 1692413 w 1688639"/>
              <a:gd name="connsiteY9" fmla="*/ 850542 h 1688423"/>
              <a:gd name="connsiteX10" fmla="*/ 1692413 w 1688639"/>
              <a:gd name="connsiteY10" fmla="*/ 200 h 168842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88639" h="1688423">
                <a:moveTo>
                  <a:pt x="1692413" y="200"/>
                </a:moveTo>
                <a:lnTo>
                  <a:pt x="842070" y="200"/>
                </a:lnTo>
                <a:lnTo>
                  <a:pt x="842070" y="517"/>
                </a:lnTo>
                <a:lnTo>
                  <a:pt x="3773" y="517"/>
                </a:lnTo>
                <a:lnTo>
                  <a:pt x="3773" y="850860"/>
                </a:lnTo>
                <a:lnTo>
                  <a:pt x="841537" y="850860"/>
                </a:lnTo>
                <a:lnTo>
                  <a:pt x="841537" y="1688623"/>
                </a:lnTo>
                <a:lnTo>
                  <a:pt x="1691880" y="1688623"/>
                </a:lnTo>
                <a:lnTo>
                  <a:pt x="1691880" y="850542"/>
                </a:lnTo>
                <a:lnTo>
                  <a:pt x="1692413" y="850542"/>
                </a:lnTo>
                <a:lnTo>
                  <a:pt x="1692413" y="200"/>
                </a:lnTo>
                <a:close/>
              </a:path>
            </a:pathLst>
          </a:custGeom>
          <a:solidFill>
            <a:srgbClr val="FCDAD9"/>
          </a:solidFill>
          <a:ln w="12690" cap="flat">
            <a:noFill/>
            <a:prstDash val="solid"/>
            <a:round/>
          </a:ln>
        </p:spPr>
        <p:txBody>
          <a:bodyPr rtlCol="0" anchor="ctr"/>
          <a:lstStyle/>
          <a:p>
            <a:endParaRPr lang="en-US" sz="900"/>
          </a:p>
        </p:txBody>
      </p:sp>
      <p:sp>
        <p:nvSpPr>
          <p:cNvPr id="3" name="Espace réservé du pied de page 2">
            <a:extLst>
              <a:ext uri="{FF2B5EF4-FFF2-40B4-BE49-F238E27FC236}">
                <a16:creationId xmlns:a16="http://schemas.microsoft.com/office/drawing/2014/main" id="{02892898-7E26-EE9E-0EBF-654DA0D0F8D8}"/>
              </a:ext>
            </a:extLst>
          </p:cNvPr>
          <p:cNvSpPr>
            <a:spLocks noGrp="1"/>
          </p:cNvSpPr>
          <p:nvPr>
            <p:ph type="ftr" sz="quarter" idx="72"/>
          </p:nvPr>
        </p:nvSpPr>
        <p:spPr/>
        <p:txBody>
          <a:bodyPr/>
          <a:lstStyle/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  <p:sp>
        <p:nvSpPr>
          <p:cNvPr id="6" name="AutoShape 2" descr="freestar">
            <a:hlinkClick r:id="rId2"/>
            <a:extLst>
              <a:ext uri="{FF2B5EF4-FFF2-40B4-BE49-F238E27FC236}">
                <a16:creationId xmlns:a16="http://schemas.microsoft.com/office/drawing/2014/main" id="{22F708A4-A08F-9C2A-24F3-FA49552D7D45}"/>
              </a:ext>
            </a:extLst>
          </p:cNvPr>
          <p:cNvSpPr>
            <a:spLocks noChangeAspect="1" noChangeArrowheads="1"/>
          </p:cNvSpPr>
          <p:nvPr userDrawn="1"/>
        </p:nvSpPr>
        <p:spPr bwMode="auto">
          <a:xfrm>
            <a:off x="-33338" y="-136525"/>
            <a:ext cx="133351" cy="1333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fr-FR"/>
          </a:p>
        </p:txBody>
      </p:sp>
      <p:sp>
        <p:nvSpPr>
          <p:cNvPr id="10" name="AutoShape 4" descr="freestar">
            <a:hlinkClick r:id="rId3"/>
            <a:extLst>
              <a:ext uri="{FF2B5EF4-FFF2-40B4-BE49-F238E27FC236}">
                <a16:creationId xmlns:a16="http://schemas.microsoft.com/office/drawing/2014/main" id="{ECC8C315-30F8-CEE4-7DC6-055ECE3DB63A}"/>
              </a:ext>
            </a:extLst>
          </p:cNvPr>
          <p:cNvSpPr>
            <a:spLocks noChangeAspect="1" noChangeArrowheads="1"/>
          </p:cNvSpPr>
          <p:nvPr userDrawn="1"/>
        </p:nvSpPr>
        <p:spPr bwMode="auto">
          <a:xfrm>
            <a:off x="-33338" y="-152400"/>
            <a:ext cx="133351" cy="1333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fr-FR"/>
          </a:p>
        </p:txBody>
      </p:sp>
    </p:spTree>
    <p:extLst>
      <p:ext uri="{BB962C8B-B14F-4D97-AF65-F5344CB8AC3E}">
        <p14:creationId xmlns:p14="http://schemas.microsoft.com/office/powerpoint/2010/main" val="19865186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ansition slide">
    <p:bg>
      <p:bgPr>
        <a:solidFill>
          <a:schemeClr val="accent3">
            <a:lumMod val="20000"/>
            <a:lumOff val="8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Graphique 6">
            <a:extLst>
              <a:ext uri="{FF2B5EF4-FFF2-40B4-BE49-F238E27FC236}">
                <a16:creationId xmlns:a16="http://schemas.microsoft.com/office/drawing/2014/main" id="{A029A09C-2F47-5C7F-086E-B6E90DC6FF1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422453"/>
            <a:ext cx="12192000" cy="6435547"/>
          </a:xfrm>
          <a:prstGeom prst="rect">
            <a:avLst/>
          </a:prstGeom>
        </p:spPr>
      </p:pic>
      <p:sp>
        <p:nvSpPr>
          <p:cNvPr id="2" name="Espace réservé du numéro de diapositive 9">
            <a:extLst>
              <a:ext uri="{FF2B5EF4-FFF2-40B4-BE49-F238E27FC236}">
                <a16:creationId xmlns:a16="http://schemas.microsoft.com/office/drawing/2014/main" id="{FF0A34AC-B0B5-A67B-4D80-6E56C411BC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793330" y="6655402"/>
            <a:ext cx="248573" cy="96180"/>
          </a:xfrm>
        </p:spPr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3" name="Espace réservé du pied de page 2">
            <a:extLst>
              <a:ext uri="{FF2B5EF4-FFF2-40B4-BE49-F238E27FC236}">
                <a16:creationId xmlns:a16="http://schemas.microsoft.com/office/drawing/2014/main" id="{7DB7949C-C6D6-FA5F-E4C3-B4682B9E5150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  <p:sp>
        <p:nvSpPr>
          <p:cNvPr id="8" name="Titre 7">
            <a:extLst>
              <a:ext uri="{FF2B5EF4-FFF2-40B4-BE49-F238E27FC236}">
                <a16:creationId xmlns:a16="http://schemas.microsoft.com/office/drawing/2014/main" id="{AA342947-4666-37F0-EE45-25245E05234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12929" y="2396359"/>
            <a:ext cx="7072140" cy="1891859"/>
          </a:xfrm>
        </p:spPr>
        <p:txBody>
          <a:bodyPr anchor="b"/>
          <a:lstStyle>
            <a:lvl1pPr>
              <a:defRPr sz="7500">
                <a:solidFill>
                  <a:srgbClr val="005573"/>
                </a:solidFill>
                <a:latin typeface="Poppins ExtraBold" panose="00000900000000000000" pitchFamily="2" charset="0"/>
                <a:cs typeface="Poppins ExtraBold" panose="00000900000000000000" pitchFamily="2" charset="0"/>
              </a:defRPr>
            </a:lvl1pPr>
          </a:lstStyle>
          <a:p>
            <a:r>
              <a:rPr lang="fr-FR"/>
              <a:t>Introduction</a:t>
            </a:r>
          </a:p>
        </p:txBody>
      </p:sp>
    </p:spTree>
    <p:extLst>
      <p:ext uri="{BB962C8B-B14F-4D97-AF65-F5344CB8AC3E}">
        <p14:creationId xmlns:p14="http://schemas.microsoft.com/office/powerpoint/2010/main" val="259924924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 nu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9" name="Graphique 18">
            <a:extLst>
              <a:ext uri="{FF2B5EF4-FFF2-40B4-BE49-F238E27FC236}">
                <a16:creationId xmlns:a16="http://schemas.microsoft.com/office/drawing/2014/main" id="{7D0D8FDA-61B3-CFE8-1BEB-1E942D756D9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3572"/>
            <a:ext cx="12192000" cy="6854428"/>
          </a:xfrm>
          <a:prstGeom prst="rect">
            <a:avLst/>
          </a:prstGeom>
        </p:spPr>
      </p:pic>
      <p:sp>
        <p:nvSpPr>
          <p:cNvPr id="6" name="Titre 5">
            <a:extLst>
              <a:ext uri="{FF2B5EF4-FFF2-40B4-BE49-F238E27FC236}">
                <a16:creationId xmlns:a16="http://schemas.microsoft.com/office/drawing/2014/main" id="{85927036-25CB-E76B-916A-738CAD2067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330" y="380016"/>
            <a:ext cx="10515600" cy="301044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r>
              <a:rPr lang="fr-FR"/>
              <a:t>Key figures</a:t>
            </a:r>
          </a:p>
        </p:txBody>
      </p:sp>
      <p:sp>
        <p:nvSpPr>
          <p:cNvPr id="8" name="Espace réservé du numéro de diapositive 7">
            <a:extLst>
              <a:ext uri="{FF2B5EF4-FFF2-40B4-BE49-F238E27FC236}">
                <a16:creationId xmlns:a16="http://schemas.microsoft.com/office/drawing/2014/main" id="{342390E6-1256-1F89-B632-F492E291C7F2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9" name="Sous-titre 2">
            <a:extLst>
              <a:ext uri="{FF2B5EF4-FFF2-40B4-BE49-F238E27FC236}">
                <a16:creationId xmlns:a16="http://schemas.microsoft.com/office/drawing/2014/main" id="{6C1567E3-47C6-AEE0-A62E-8B6B71FB6881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485131" y="1506456"/>
            <a:ext cx="10232912" cy="1003095"/>
          </a:xfrm>
        </p:spPr>
        <p:txBody>
          <a:bodyPr/>
          <a:lstStyle>
            <a:lvl1pPr marL="0" indent="0" algn="l">
              <a:lnSpc>
                <a:spcPct val="96000"/>
              </a:lnSpc>
              <a:spcBef>
                <a:spcPts val="0"/>
              </a:spcBef>
              <a:spcAft>
                <a:spcPts val="0"/>
              </a:spcAft>
              <a:buNone/>
              <a:defRPr lang="fr-FR" sz="3395" b="0" kern="1200" smtClean="0">
                <a:ln w="21590">
                  <a:noFill/>
                </a:ln>
                <a:solidFill>
                  <a:srgbClr val="F5908D"/>
                </a:solidFill>
                <a:latin typeface="Poppins Light" panose="00000400000000000000" pitchFamily="2" charset="0"/>
                <a:ea typeface="+mj-ea"/>
                <a:cs typeface="Poppins Light" panose="00000400000000000000" pitchFamily="2" charset="0"/>
              </a:defRPr>
            </a:lvl1pPr>
            <a:lvl2pPr marL="228600" indent="0" algn="ctr">
              <a:buNone/>
              <a:defRPr sz="1000"/>
            </a:lvl2pPr>
            <a:lvl3pPr marL="457200" indent="0" algn="ctr">
              <a:buNone/>
              <a:defRPr sz="900"/>
            </a:lvl3pPr>
            <a:lvl4pPr marL="685800" indent="0" algn="ctr">
              <a:buNone/>
              <a:defRPr sz="800"/>
            </a:lvl4pPr>
            <a:lvl5pPr marL="914400" indent="0" algn="ctr">
              <a:buNone/>
              <a:defRPr sz="800"/>
            </a:lvl5pPr>
            <a:lvl6pPr marL="1143000" indent="0" algn="ctr">
              <a:buNone/>
              <a:defRPr sz="800"/>
            </a:lvl6pPr>
            <a:lvl7pPr marL="1371600" indent="0" algn="ctr">
              <a:buNone/>
              <a:defRPr sz="800"/>
            </a:lvl7pPr>
            <a:lvl8pPr marL="1600200" indent="0" algn="ctr">
              <a:buNone/>
              <a:defRPr sz="800"/>
            </a:lvl8pPr>
            <a:lvl9pPr marL="1828800" indent="0" algn="ctr">
              <a:buNone/>
              <a:defRPr sz="800"/>
            </a:lvl9pPr>
          </a:lstStyle>
          <a:p>
            <a:r>
              <a:rPr lang="en-US"/>
              <a:t>Lorem ipsum dolor sit amet, </a:t>
            </a:r>
            <a:r>
              <a:rPr lang="en-US" err="1"/>
              <a:t>consectetuer</a:t>
            </a:r>
            <a:endParaRPr lang="en-US"/>
          </a:p>
          <a:p>
            <a:r>
              <a:rPr lang="en-US"/>
              <a:t>adipiscing elit sed ipsum</a:t>
            </a:r>
            <a:endParaRPr lang="fr-FR"/>
          </a:p>
        </p:txBody>
      </p:sp>
      <p:sp>
        <p:nvSpPr>
          <p:cNvPr id="13" name="Espace réservé du texte 26">
            <a:extLst>
              <a:ext uri="{FF2B5EF4-FFF2-40B4-BE49-F238E27FC236}">
                <a16:creationId xmlns:a16="http://schemas.microsoft.com/office/drawing/2014/main" id="{907A0D6A-418C-4956-CF8E-E17959746D2A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1475242" y="2720639"/>
            <a:ext cx="9235210" cy="3600"/>
          </a:xfrm>
          <a:solidFill>
            <a:srgbClr val="F5908D"/>
          </a:solidFill>
          <a:ln>
            <a:solidFill>
              <a:schemeClr val="tx2"/>
            </a:solidFill>
          </a:ln>
        </p:spPr>
        <p:txBody>
          <a:bodyPr>
            <a:noAutofit/>
          </a:bodyPr>
          <a:lstStyle>
            <a:lvl1pPr>
              <a:defRPr sz="100" i="0" cap="none" baseline="0">
                <a:noFill/>
                <a:latin typeface="+mn-lt"/>
                <a:cs typeface="Poppins Medium" panose="00000600000000000000" pitchFamily="2" charset="0"/>
              </a:defRPr>
            </a:lvl1pPr>
            <a:lvl2pPr marL="108000" indent="0">
              <a:buNone/>
              <a:defRPr/>
            </a:lvl2pPr>
          </a:lstStyle>
          <a:p>
            <a:pPr lvl="0"/>
            <a:r>
              <a:rPr lang="fr-FR"/>
              <a:t>Day 1</a:t>
            </a:r>
          </a:p>
        </p:txBody>
      </p:sp>
      <p:sp>
        <p:nvSpPr>
          <p:cNvPr id="16" name="Forme libre : forme 15">
            <a:extLst>
              <a:ext uri="{FF2B5EF4-FFF2-40B4-BE49-F238E27FC236}">
                <a16:creationId xmlns:a16="http://schemas.microsoft.com/office/drawing/2014/main" id="{9C33EECE-6BEE-C8C3-E903-1C03326AFE4F}"/>
              </a:ext>
            </a:extLst>
          </p:cNvPr>
          <p:cNvSpPr/>
          <p:nvPr/>
        </p:nvSpPr>
        <p:spPr>
          <a:xfrm>
            <a:off x="195364" y="6643880"/>
            <a:ext cx="475520" cy="84790"/>
          </a:xfrm>
          <a:custGeom>
            <a:avLst/>
            <a:gdLst>
              <a:gd name="connsiteX0" fmla="*/ 45265 w 950545"/>
              <a:gd name="connsiteY0" fmla="*/ -13 h 169580"/>
              <a:gd name="connsiteX1" fmla="*/ 7 w 950545"/>
              <a:gd name="connsiteY1" fmla="*/ -13 h 169580"/>
              <a:gd name="connsiteX2" fmla="*/ 7 w 950545"/>
              <a:gd name="connsiteY2" fmla="*/ 45233 h 169580"/>
              <a:gd name="connsiteX3" fmla="*/ 45265 w 950545"/>
              <a:gd name="connsiteY3" fmla="*/ 45233 h 169580"/>
              <a:gd name="connsiteX4" fmla="*/ 45265 w 950545"/>
              <a:gd name="connsiteY4" fmla="*/ -13 h 169580"/>
              <a:gd name="connsiteX5" fmla="*/ 7 w 950545"/>
              <a:gd name="connsiteY5" fmla="*/ 57079 h 169580"/>
              <a:gd name="connsiteX6" fmla="*/ 7 w 950545"/>
              <a:gd name="connsiteY6" fmla="*/ 166881 h 169580"/>
              <a:gd name="connsiteX7" fmla="*/ 45265 w 950545"/>
              <a:gd name="connsiteY7" fmla="*/ 166881 h 169580"/>
              <a:gd name="connsiteX8" fmla="*/ 45265 w 950545"/>
              <a:gd name="connsiteY8" fmla="*/ 57079 h 169580"/>
              <a:gd name="connsiteX9" fmla="*/ 7 w 950545"/>
              <a:gd name="connsiteY9" fmla="*/ 57079 h 169580"/>
              <a:gd name="connsiteX10" fmla="*/ 903837 w 950545"/>
              <a:gd name="connsiteY10" fmla="*/ 55344 h 169580"/>
              <a:gd name="connsiteX11" fmla="*/ 850279 w 950545"/>
              <a:gd name="connsiteY11" fmla="*/ 76490 h 169580"/>
              <a:gd name="connsiteX12" fmla="*/ 809125 w 950545"/>
              <a:gd name="connsiteY12" fmla="*/ 55344 h 169580"/>
              <a:gd name="connsiteX13" fmla="*/ 759749 w 950545"/>
              <a:gd name="connsiteY13" fmla="*/ 75451 h 169580"/>
              <a:gd name="connsiteX14" fmla="*/ 759749 w 950545"/>
              <a:gd name="connsiteY14" fmla="*/ 57079 h 169580"/>
              <a:gd name="connsiteX15" fmla="*/ 714503 w 950545"/>
              <a:gd name="connsiteY15" fmla="*/ 57079 h 169580"/>
              <a:gd name="connsiteX16" fmla="*/ 714503 w 950545"/>
              <a:gd name="connsiteY16" fmla="*/ 166868 h 169580"/>
              <a:gd name="connsiteX17" fmla="*/ 759749 w 950545"/>
              <a:gd name="connsiteY17" fmla="*/ 166881 h 169580"/>
              <a:gd name="connsiteX18" fmla="*/ 759749 w 950545"/>
              <a:gd name="connsiteY18" fmla="*/ 107634 h 169580"/>
              <a:gd name="connsiteX19" fmla="*/ 789550 w 950545"/>
              <a:gd name="connsiteY19" fmla="*/ 93735 h 169580"/>
              <a:gd name="connsiteX20" fmla="*/ 810582 w 950545"/>
              <a:gd name="connsiteY20" fmla="*/ 120621 h 169580"/>
              <a:gd name="connsiteX21" fmla="*/ 810582 w 950545"/>
              <a:gd name="connsiteY21" fmla="*/ 166881 h 169580"/>
              <a:gd name="connsiteX22" fmla="*/ 855828 w 950545"/>
              <a:gd name="connsiteY22" fmla="*/ 166881 h 169580"/>
              <a:gd name="connsiteX23" fmla="*/ 855765 w 950545"/>
              <a:gd name="connsiteY23" fmla="*/ 106481 h 169580"/>
              <a:gd name="connsiteX24" fmla="*/ 884273 w 950545"/>
              <a:gd name="connsiteY24" fmla="*/ 93735 h 169580"/>
              <a:gd name="connsiteX25" fmla="*/ 905306 w 950545"/>
              <a:gd name="connsiteY25" fmla="*/ 120621 h 169580"/>
              <a:gd name="connsiteX26" fmla="*/ 905306 w 950545"/>
              <a:gd name="connsiteY26" fmla="*/ 166881 h 169580"/>
              <a:gd name="connsiteX27" fmla="*/ 950552 w 950545"/>
              <a:gd name="connsiteY27" fmla="*/ 166881 h 169580"/>
              <a:gd name="connsiteX28" fmla="*/ 950552 w 950545"/>
              <a:gd name="connsiteY28" fmla="*/ 100868 h 169580"/>
              <a:gd name="connsiteX29" fmla="*/ 903837 w 950545"/>
              <a:gd name="connsiteY29" fmla="*/ 55344 h 169580"/>
              <a:gd name="connsiteX30" fmla="*/ 646045 w 950545"/>
              <a:gd name="connsiteY30" fmla="*/ 115705 h 169580"/>
              <a:gd name="connsiteX31" fmla="*/ 611125 w 950545"/>
              <a:gd name="connsiteY31" fmla="*/ 129453 h 169580"/>
              <a:gd name="connsiteX32" fmla="*/ 584897 w 950545"/>
              <a:gd name="connsiteY32" fmla="*/ 102857 h 169580"/>
              <a:gd name="connsiteX33" fmla="*/ 584897 w 950545"/>
              <a:gd name="connsiteY33" fmla="*/ 57079 h 169580"/>
              <a:gd name="connsiteX34" fmla="*/ 539652 w 950545"/>
              <a:gd name="connsiteY34" fmla="*/ 57079 h 169580"/>
              <a:gd name="connsiteX35" fmla="*/ 539652 w 950545"/>
              <a:gd name="connsiteY35" fmla="*/ 120583 h 169580"/>
              <a:gd name="connsiteX36" fmla="*/ 593577 w 950545"/>
              <a:gd name="connsiteY36" fmla="*/ 167438 h 169580"/>
              <a:gd name="connsiteX37" fmla="*/ 646045 w 950545"/>
              <a:gd name="connsiteY37" fmla="*/ 151157 h 169580"/>
              <a:gd name="connsiteX38" fmla="*/ 646045 w 950545"/>
              <a:gd name="connsiteY38" fmla="*/ 166881 h 169580"/>
              <a:gd name="connsiteX39" fmla="*/ 691291 w 950545"/>
              <a:gd name="connsiteY39" fmla="*/ 166881 h 169580"/>
              <a:gd name="connsiteX40" fmla="*/ 691291 w 950545"/>
              <a:gd name="connsiteY40" fmla="*/ 57079 h 169580"/>
              <a:gd name="connsiteX41" fmla="*/ 646045 w 950545"/>
              <a:gd name="connsiteY41" fmla="*/ 57079 h 169580"/>
              <a:gd name="connsiteX42" fmla="*/ 646045 w 950545"/>
              <a:gd name="connsiteY42" fmla="*/ 115705 h 169580"/>
              <a:gd name="connsiteX43" fmla="*/ 345022 w 950545"/>
              <a:gd name="connsiteY43" fmla="*/ 94508 h 169580"/>
              <a:gd name="connsiteX44" fmla="*/ 316703 w 950545"/>
              <a:gd name="connsiteY44" fmla="*/ 83636 h 169580"/>
              <a:gd name="connsiteX45" fmla="*/ 288917 w 950545"/>
              <a:gd name="connsiteY45" fmla="*/ 94508 h 169580"/>
              <a:gd name="connsiteX46" fmla="*/ 345022 w 950545"/>
              <a:gd name="connsiteY46" fmla="*/ 94508 h 169580"/>
              <a:gd name="connsiteX47" fmla="*/ 392371 w 950545"/>
              <a:gd name="connsiteY47" fmla="*/ 119418 h 169580"/>
              <a:gd name="connsiteX48" fmla="*/ 286674 w 950545"/>
              <a:gd name="connsiteY48" fmla="*/ 119418 h 169580"/>
              <a:gd name="connsiteX49" fmla="*/ 315094 w 950545"/>
              <a:gd name="connsiteY49" fmla="*/ 134280 h 169580"/>
              <a:gd name="connsiteX50" fmla="*/ 340258 w 950545"/>
              <a:gd name="connsiteY50" fmla="*/ 130327 h 169580"/>
              <a:gd name="connsiteX51" fmla="*/ 389482 w 950545"/>
              <a:gd name="connsiteY51" fmla="*/ 130327 h 169580"/>
              <a:gd name="connsiteX52" fmla="*/ 315094 w 950545"/>
              <a:gd name="connsiteY52" fmla="*/ 169567 h 169580"/>
              <a:gd name="connsiteX53" fmla="*/ 241150 w 950545"/>
              <a:gd name="connsiteY53" fmla="*/ 111980 h 169580"/>
              <a:gd name="connsiteX54" fmla="*/ 316957 w 950545"/>
              <a:gd name="connsiteY54" fmla="*/ 54381 h 169580"/>
              <a:gd name="connsiteX55" fmla="*/ 392371 w 950545"/>
              <a:gd name="connsiteY55" fmla="*/ 119418 h 169580"/>
              <a:gd name="connsiteX56" fmla="*/ 474171 w 950545"/>
              <a:gd name="connsiteY56" fmla="*/ 22616 h 169580"/>
              <a:gd name="connsiteX57" fmla="*/ 428925 w 950545"/>
              <a:gd name="connsiteY57" fmla="*/ 22616 h 169580"/>
              <a:gd name="connsiteX58" fmla="*/ 428925 w 950545"/>
              <a:gd name="connsiteY58" fmla="*/ 57079 h 169580"/>
              <a:gd name="connsiteX59" fmla="*/ 404636 w 950545"/>
              <a:gd name="connsiteY59" fmla="*/ 57079 h 169580"/>
              <a:gd name="connsiteX60" fmla="*/ 404636 w 950545"/>
              <a:gd name="connsiteY60" fmla="*/ 93760 h 169580"/>
              <a:gd name="connsiteX61" fmla="*/ 428925 w 950545"/>
              <a:gd name="connsiteY61" fmla="*/ 93760 h 169580"/>
              <a:gd name="connsiteX62" fmla="*/ 428925 w 950545"/>
              <a:gd name="connsiteY62" fmla="*/ 166881 h 169580"/>
              <a:gd name="connsiteX63" fmla="*/ 519417 w 950545"/>
              <a:gd name="connsiteY63" fmla="*/ 166881 h 169580"/>
              <a:gd name="connsiteX64" fmla="*/ 519417 w 950545"/>
              <a:gd name="connsiteY64" fmla="*/ 130073 h 169580"/>
              <a:gd name="connsiteX65" fmla="*/ 474171 w 950545"/>
              <a:gd name="connsiteY65" fmla="*/ 130073 h 169580"/>
              <a:gd name="connsiteX66" fmla="*/ 474171 w 950545"/>
              <a:gd name="connsiteY66" fmla="*/ 93760 h 169580"/>
              <a:gd name="connsiteX67" fmla="*/ 519417 w 950545"/>
              <a:gd name="connsiteY67" fmla="*/ 93760 h 169580"/>
              <a:gd name="connsiteX68" fmla="*/ 519417 w 950545"/>
              <a:gd name="connsiteY68" fmla="*/ 57079 h 169580"/>
              <a:gd name="connsiteX69" fmla="*/ 474171 w 950545"/>
              <a:gd name="connsiteY69" fmla="*/ 57079 h 169580"/>
              <a:gd name="connsiteX70" fmla="*/ 474171 w 950545"/>
              <a:gd name="connsiteY70" fmla="*/ 22616 h 169580"/>
              <a:gd name="connsiteX71" fmla="*/ 222283 w 950545"/>
              <a:gd name="connsiteY71" fmla="*/ 104999 h 169580"/>
              <a:gd name="connsiteX72" fmla="*/ 222283 w 950545"/>
              <a:gd name="connsiteY72" fmla="*/ 166881 h 169580"/>
              <a:gd name="connsiteX73" fmla="*/ 177038 w 950545"/>
              <a:gd name="connsiteY73" fmla="*/ 166881 h 169580"/>
              <a:gd name="connsiteX74" fmla="*/ 177038 w 950545"/>
              <a:gd name="connsiteY74" fmla="*/ 123333 h 169580"/>
              <a:gd name="connsiteX75" fmla="*/ 150113 w 950545"/>
              <a:gd name="connsiteY75" fmla="*/ 95623 h 169580"/>
              <a:gd name="connsiteX76" fmla="*/ 113711 w 950545"/>
              <a:gd name="connsiteY76" fmla="*/ 109953 h 169580"/>
              <a:gd name="connsiteX77" fmla="*/ 113711 w 950545"/>
              <a:gd name="connsiteY77" fmla="*/ 166881 h 169580"/>
              <a:gd name="connsiteX78" fmla="*/ 68478 w 950545"/>
              <a:gd name="connsiteY78" fmla="*/ 166881 h 169580"/>
              <a:gd name="connsiteX79" fmla="*/ 68478 w 950545"/>
              <a:gd name="connsiteY79" fmla="*/ 57079 h 169580"/>
              <a:gd name="connsiteX80" fmla="*/ 113711 w 950545"/>
              <a:gd name="connsiteY80" fmla="*/ 57079 h 169580"/>
              <a:gd name="connsiteX81" fmla="*/ 113711 w 950545"/>
              <a:gd name="connsiteY81" fmla="*/ 73006 h 169580"/>
              <a:gd name="connsiteX82" fmla="*/ 168396 w 950545"/>
              <a:gd name="connsiteY82" fmla="*/ 56028 h 169580"/>
              <a:gd name="connsiteX83" fmla="*/ 222283 w 950545"/>
              <a:gd name="connsiteY83" fmla="*/ 104999 h 1695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</a:cxnLst>
            <a:rect l="l" t="t" r="r" b="b"/>
            <a:pathLst>
              <a:path w="950545" h="169580">
                <a:moveTo>
                  <a:pt x="45265" y="-13"/>
                </a:moveTo>
                <a:lnTo>
                  <a:pt x="7" y="-13"/>
                </a:lnTo>
                <a:lnTo>
                  <a:pt x="7" y="45233"/>
                </a:lnTo>
                <a:lnTo>
                  <a:pt x="45265" y="45233"/>
                </a:lnTo>
                <a:lnTo>
                  <a:pt x="45265" y="-13"/>
                </a:lnTo>
                <a:close/>
                <a:moveTo>
                  <a:pt x="7" y="57079"/>
                </a:moveTo>
                <a:lnTo>
                  <a:pt x="7" y="166881"/>
                </a:lnTo>
                <a:lnTo>
                  <a:pt x="45265" y="166881"/>
                </a:lnTo>
                <a:lnTo>
                  <a:pt x="45265" y="57079"/>
                </a:lnTo>
                <a:lnTo>
                  <a:pt x="7" y="57079"/>
                </a:lnTo>
                <a:close/>
                <a:moveTo>
                  <a:pt x="903837" y="55344"/>
                </a:moveTo>
                <a:cubicBezTo>
                  <a:pt x="877140" y="55344"/>
                  <a:pt x="861251" y="63744"/>
                  <a:pt x="850279" y="76490"/>
                </a:cubicBezTo>
                <a:cubicBezTo>
                  <a:pt x="841688" y="60386"/>
                  <a:pt x="822835" y="55344"/>
                  <a:pt x="809125" y="55344"/>
                </a:cubicBezTo>
                <a:cubicBezTo>
                  <a:pt x="782429" y="55344"/>
                  <a:pt x="769442" y="66303"/>
                  <a:pt x="759749" y="75451"/>
                </a:cubicBezTo>
                <a:lnTo>
                  <a:pt x="759749" y="57079"/>
                </a:lnTo>
                <a:lnTo>
                  <a:pt x="714503" y="57079"/>
                </a:lnTo>
                <a:lnTo>
                  <a:pt x="714503" y="166868"/>
                </a:lnTo>
                <a:lnTo>
                  <a:pt x="759749" y="166881"/>
                </a:lnTo>
                <a:lnTo>
                  <a:pt x="759749" y="107634"/>
                </a:lnTo>
                <a:cubicBezTo>
                  <a:pt x="769074" y="98499"/>
                  <a:pt x="778400" y="93735"/>
                  <a:pt x="789550" y="93735"/>
                </a:cubicBezTo>
                <a:cubicBezTo>
                  <a:pt x="805641" y="93735"/>
                  <a:pt x="810582" y="101780"/>
                  <a:pt x="810582" y="120621"/>
                </a:cubicBezTo>
                <a:lnTo>
                  <a:pt x="810582" y="166881"/>
                </a:lnTo>
                <a:lnTo>
                  <a:pt x="855828" y="166881"/>
                </a:lnTo>
                <a:lnTo>
                  <a:pt x="855765" y="106481"/>
                </a:lnTo>
                <a:cubicBezTo>
                  <a:pt x="865090" y="97346"/>
                  <a:pt x="873124" y="93735"/>
                  <a:pt x="884273" y="93735"/>
                </a:cubicBezTo>
                <a:cubicBezTo>
                  <a:pt x="900365" y="93735"/>
                  <a:pt x="905306" y="101780"/>
                  <a:pt x="905306" y="120621"/>
                </a:cubicBezTo>
                <a:lnTo>
                  <a:pt x="905306" y="166881"/>
                </a:lnTo>
                <a:lnTo>
                  <a:pt x="950552" y="166881"/>
                </a:lnTo>
                <a:lnTo>
                  <a:pt x="950552" y="100868"/>
                </a:lnTo>
                <a:cubicBezTo>
                  <a:pt x="950552" y="63022"/>
                  <a:pt x="923045" y="55344"/>
                  <a:pt x="903837" y="55344"/>
                </a:cubicBezTo>
                <a:moveTo>
                  <a:pt x="646045" y="115705"/>
                </a:moveTo>
                <a:cubicBezTo>
                  <a:pt x="637543" y="123840"/>
                  <a:pt x="623973" y="129453"/>
                  <a:pt x="611125" y="129453"/>
                </a:cubicBezTo>
                <a:cubicBezTo>
                  <a:pt x="591587" y="129453"/>
                  <a:pt x="584897" y="121496"/>
                  <a:pt x="584897" y="102857"/>
                </a:cubicBezTo>
                <a:lnTo>
                  <a:pt x="584897" y="57079"/>
                </a:lnTo>
                <a:lnTo>
                  <a:pt x="539652" y="57079"/>
                </a:lnTo>
                <a:lnTo>
                  <a:pt x="539652" y="120583"/>
                </a:lnTo>
                <a:cubicBezTo>
                  <a:pt x="539652" y="159849"/>
                  <a:pt x="569148" y="167438"/>
                  <a:pt x="593577" y="167438"/>
                </a:cubicBezTo>
                <a:cubicBezTo>
                  <a:pt x="616371" y="167438"/>
                  <a:pt x="633020" y="160204"/>
                  <a:pt x="646045" y="151157"/>
                </a:cubicBezTo>
                <a:lnTo>
                  <a:pt x="646045" y="166881"/>
                </a:lnTo>
                <a:lnTo>
                  <a:pt x="691291" y="166881"/>
                </a:lnTo>
                <a:lnTo>
                  <a:pt x="691291" y="57079"/>
                </a:lnTo>
                <a:lnTo>
                  <a:pt x="646045" y="57079"/>
                </a:lnTo>
                <a:lnTo>
                  <a:pt x="646045" y="115705"/>
                </a:lnTo>
                <a:close/>
                <a:moveTo>
                  <a:pt x="345022" y="94508"/>
                </a:moveTo>
                <a:cubicBezTo>
                  <a:pt x="339801" y="87083"/>
                  <a:pt x="328601" y="83636"/>
                  <a:pt x="316703" y="83636"/>
                </a:cubicBezTo>
                <a:cubicBezTo>
                  <a:pt x="304806" y="83636"/>
                  <a:pt x="293732" y="87083"/>
                  <a:pt x="288917" y="94508"/>
                </a:cubicBezTo>
                <a:lnTo>
                  <a:pt x="345022" y="94508"/>
                </a:lnTo>
                <a:close/>
                <a:moveTo>
                  <a:pt x="392371" y="119418"/>
                </a:moveTo>
                <a:lnTo>
                  <a:pt x="286674" y="119418"/>
                </a:lnTo>
                <a:cubicBezTo>
                  <a:pt x="290387" y="131302"/>
                  <a:pt x="302829" y="134280"/>
                  <a:pt x="315094" y="134280"/>
                </a:cubicBezTo>
                <a:cubicBezTo>
                  <a:pt x="327169" y="134280"/>
                  <a:pt x="333846" y="133659"/>
                  <a:pt x="340258" y="130327"/>
                </a:cubicBezTo>
                <a:lnTo>
                  <a:pt x="389482" y="130327"/>
                </a:lnTo>
                <a:cubicBezTo>
                  <a:pt x="382323" y="156681"/>
                  <a:pt x="358490" y="169567"/>
                  <a:pt x="315094" y="169567"/>
                </a:cubicBezTo>
                <a:cubicBezTo>
                  <a:pt x="271432" y="169567"/>
                  <a:pt x="241150" y="153222"/>
                  <a:pt x="241150" y="111980"/>
                </a:cubicBezTo>
                <a:cubicBezTo>
                  <a:pt x="241150" y="70738"/>
                  <a:pt x="271432" y="54381"/>
                  <a:pt x="316957" y="54381"/>
                </a:cubicBezTo>
                <a:cubicBezTo>
                  <a:pt x="362849" y="54381"/>
                  <a:pt x="392371" y="70738"/>
                  <a:pt x="392371" y="119418"/>
                </a:cubicBezTo>
                <a:moveTo>
                  <a:pt x="474171" y="22616"/>
                </a:moveTo>
                <a:lnTo>
                  <a:pt x="428925" y="22616"/>
                </a:lnTo>
                <a:lnTo>
                  <a:pt x="428925" y="57079"/>
                </a:lnTo>
                <a:lnTo>
                  <a:pt x="404636" y="57079"/>
                </a:lnTo>
                <a:lnTo>
                  <a:pt x="404636" y="93760"/>
                </a:lnTo>
                <a:lnTo>
                  <a:pt x="428925" y="93760"/>
                </a:lnTo>
                <a:lnTo>
                  <a:pt x="428925" y="166881"/>
                </a:lnTo>
                <a:lnTo>
                  <a:pt x="519417" y="166881"/>
                </a:lnTo>
                <a:lnTo>
                  <a:pt x="519417" y="130073"/>
                </a:lnTo>
                <a:lnTo>
                  <a:pt x="474171" y="130073"/>
                </a:lnTo>
                <a:lnTo>
                  <a:pt x="474171" y="93760"/>
                </a:lnTo>
                <a:lnTo>
                  <a:pt x="519417" y="93760"/>
                </a:lnTo>
                <a:lnTo>
                  <a:pt x="519417" y="57079"/>
                </a:lnTo>
                <a:lnTo>
                  <a:pt x="474171" y="57079"/>
                </a:lnTo>
                <a:lnTo>
                  <a:pt x="474171" y="22616"/>
                </a:lnTo>
                <a:close/>
                <a:moveTo>
                  <a:pt x="222283" y="104999"/>
                </a:moveTo>
                <a:lnTo>
                  <a:pt x="222283" y="166881"/>
                </a:lnTo>
                <a:lnTo>
                  <a:pt x="177038" y="166881"/>
                </a:lnTo>
                <a:lnTo>
                  <a:pt x="177038" y="123333"/>
                </a:lnTo>
                <a:cubicBezTo>
                  <a:pt x="177038" y="103922"/>
                  <a:pt x="170462" y="95623"/>
                  <a:pt x="150113" y="95623"/>
                </a:cubicBezTo>
                <a:cubicBezTo>
                  <a:pt x="136720" y="95623"/>
                  <a:pt x="122580" y="101476"/>
                  <a:pt x="113711" y="109953"/>
                </a:cubicBezTo>
                <a:lnTo>
                  <a:pt x="113711" y="166881"/>
                </a:lnTo>
                <a:lnTo>
                  <a:pt x="68478" y="166881"/>
                </a:lnTo>
                <a:lnTo>
                  <a:pt x="68478" y="57079"/>
                </a:lnTo>
                <a:lnTo>
                  <a:pt x="113711" y="57079"/>
                </a:lnTo>
                <a:lnTo>
                  <a:pt x="113711" y="73006"/>
                </a:lnTo>
                <a:cubicBezTo>
                  <a:pt x="127294" y="63567"/>
                  <a:pt x="144639" y="56028"/>
                  <a:pt x="168396" y="56028"/>
                </a:cubicBezTo>
                <a:cubicBezTo>
                  <a:pt x="193851" y="56028"/>
                  <a:pt x="222283" y="64086"/>
                  <a:pt x="222283" y="104999"/>
                </a:cubicBezTo>
              </a:path>
            </a:pathLst>
          </a:custGeom>
          <a:solidFill>
            <a:srgbClr val="232D4B"/>
          </a:solidFill>
          <a:ln w="12664" cap="flat">
            <a:noFill/>
            <a:prstDash val="solid"/>
            <a:round/>
          </a:ln>
        </p:spPr>
        <p:txBody>
          <a:bodyPr rtlCol="0" anchor="ctr"/>
          <a:lstStyle/>
          <a:p>
            <a:endParaRPr lang="fr-FR" sz="900"/>
          </a:p>
        </p:txBody>
      </p:sp>
      <p:sp>
        <p:nvSpPr>
          <p:cNvPr id="17" name="Forme libre : forme 16">
            <a:extLst>
              <a:ext uri="{FF2B5EF4-FFF2-40B4-BE49-F238E27FC236}">
                <a16:creationId xmlns:a16="http://schemas.microsoft.com/office/drawing/2014/main" id="{3951D344-ED04-7D24-72D8-23E84E6B95B6}"/>
              </a:ext>
            </a:extLst>
          </p:cNvPr>
          <p:cNvSpPr/>
          <p:nvPr userDrawn="1"/>
        </p:nvSpPr>
        <p:spPr>
          <a:xfrm>
            <a:off x="693519" y="6659478"/>
            <a:ext cx="67904" cy="67875"/>
          </a:xfrm>
          <a:custGeom>
            <a:avLst/>
            <a:gdLst>
              <a:gd name="connsiteX0" fmla="*/ 45299 w 135737"/>
              <a:gd name="connsiteY0" fmla="*/ 90495 h 135750"/>
              <a:gd name="connsiteX1" fmla="*/ 53 w 135737"/>
              <a:gd name="connsiteY1" fmla="*/ 90495 h 135750"/>
              <a:gd name="connsiteX2" fmla="*/ 53 w 135737"/>
              <a:gd name="connsiteY2" fmla="*/ 135740 h 135750"/>
              <a:gd name="connsiteX3" fmla="*/ 45299 w 135737"/>
              <a:gd name="connsiteY3" fmla="*/ 135740 h 135750"/>
              <a:gd name="connsiteX4" fmla="*/ 45299 w 135737"/>
              <a:gd name="connsiteY4" fmla="*/ 90495 h 135750"/>
              <a:gd name="connsiteX5" fmla="*/ 45299 w 135737"/>
              <a:gd name="connsiteY5" fmla="*/ -10 h 135750"/>
              <a:gd name="connsiteX6" fmla="*/ 45299 w 135737"/>
              <a:gd name="connsiteY6" fmla="*/ 45249 h 135750"/>
              <a:gd name="connsiteX7" fmla="*/ 90545 w 135737"/>
              <a:gd name="connsiteY7" fmla="*/ 45249 h 135750"/>
              <a:gd name="connsiteX8" fmla="*/ 90545 w 135737"/>
              <a:gd name="connsiteY8" fmla="*/ 90495 h 135750"/>
              <a:gd name="connsiteX9" fmla="*/ 135791 w 135737"/>
              <a:gd name="connsiteY9" fmla="*/ 90495 h 135750"/>
              <a:gd name="connsiteX10" fmla="*/ 135791 w 135737"/>
              <a:gd name="connsiteY10" fmla="*/ -10 h 135750"/>
              <a:gd name="connsiteX11" fmla="*/ 45299 w 135737"/>
              <a:gd name="connsiteY11" fmla="*/ -10 h 1357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35737" h="135750">
                <a:moveTo>
                  <a:pt x="45299" y="90495"/>
                </a:moveTo>
                <a:lnTo>
                  <a:pt x="53" y="90495"/>
                </a:lnTo>
                <a:lnTo>
                  <a:pt x="53" y="135740"/>
                </a:lnTo>
                <a:lnTo>
                  <a:pt x="45299" y="135740"/>
                </a:lnTo>
                <a:lnTo>
                  <a:pt x="45299" y="90495"/>
                </a:lnTo>
                <a:close/>
                <a:moveTo>
                  <a:pt x="45299" y="-10"/>
                </a:moveTo>
                <a:lnTo>
                  <a:pt x="45299" y="45249"/>
                </a:lnTo>
                <a:lnTo>
                  <a:pt x="90545" y="45249"/>
                </a:lnTo>
                <a:lnTo>
                  <a:pt x="90545" y="90495"/>
                </a:lnTo>
                <a:lnTo>
                  <a:pt x="135791" y="90495"/>
                </a:lnTo>
                <a:lnTo>
                  <a:pt x="135791" y="-10"/>
                </a:lnTo>
                <a:lnTo>
                  <a:pt x="45299" y="-10"/>
                </a:lnTo>
                <a:close/>
              </a:path>
            </a:pathLst>
          </a:custGeom>
          <a:solidFill>
            <a:schemeClr val="accent3"/>
          </a:solidFill>
          <a:ln w="12664" cap="flat">
            <a:noFill/>
            <a:prstDash val="solid"/>
            <a:round/>
          </a:ln>
        </p:spPr>
        <p:txBody>
          <a:bodyPr rtlCol="0" anchor="ctr"/>
          <a:lstStyle/>
          <a:p>
            <a:endParaRPr lang="fr-FR" sz="900"/>
          </a:p>
        </p:txBody>
      </p:sp>
      <p:sp>
        <p:nvSpPr>
          <p:cNvPr id="20" name="Espace réservé du texte 26">
            <a:extLst>
              <a:ext uri="{FF2B5EF4-FFF2-40B4-BE49-F238E27FC236}">
                <a16:creationId xmlns:a16="http://schemas.microsoft.com/office/drawing/2014/main" id="{D52BD472-2ABB-1F8C-BE84-B81629AA0988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1475242" y="3876311"/>
            <a:ext cx="2515910" cy="3600"/>
          </a:xfrm>
          <a:solidFill>
            <a:srgbClr val="F5908D"/>
          </a:solidFill>
          <a:ln>
            <a:solidFill>
              <a:schemeClr val="tx2"/>
            </a:solidFill>
          </a:ln>
        </p:spPr>
        <p:txBody>
          <a:bodyPr>
            <a:noAutofit/>
          </a:bodyPr>
          <a:lstStyle>
            <a:lvl1pPr>
              <a:defRPr sz="100" i="0" cap="none" baseline="0">
                <a:noFill/>
                <a:latin typeface="+mn-lt"/>
                <a:cs typeface="Poppins Medium" panose="00000600000000000000" pitchFamily="2" charset="0"/>
              </a:defRPr>
            </a:lvl1pPr>
            <a:lvl2pPr marL="108000" indent="0">
              <a:buNone/>
              <a:defRPr/>
            </a:lvl2pPr>
          </a:lstStyle>
          <a:p>
            <a:pPr lvl="0"/>
            <a:r>
              <a:rPr lang="fr-FR"/>
              <a:t>Day 1</a:t>
            </a:r>
          </a:p>
        </p:txBody>
      </p:sp>
      <p:sp>
        <p:nvSpPr>
          <p:cNvPr id="21" name="Espace réservé du texte 26">
            <a:extLst>
              <a:ext uri="{FF2B5EF4-FFF2-40B4-BE49-F238E27FC236}">
                <a16:creationId xmlns:a16="http://schemas.microsoft.com/office/drawing/2014/main" id="{8776A4E3-FF27-DC76-3D8D-1E8F801FEF95}"/>
              </a:ext>
            </a:extLst>
          </p:cNvPr>
          <p:cNvSpPr>
            <a:spLocks noGrp="1"/>
          </p:cNvSpPr>
          <p:nvPr>
            <p:ph type="body" sz="quarter" idx="44" hasCustomPrompt="1"/>
          </p:nvPr>
        </p:nvSpPr>
        <p:spPr>
          <a:xfrm>
            <a:off x="4818017" y="3876311"/>
            <a:ext cx="2515910" cy="3600"/>
          </a:xfrm>
          <a:solidFill>
            <a:srgbClr val="F5908D"/>
          </a:solidFill>
          <a:ln>
            <a:solidFill>
              <a:schemeClr val="tx2"/>
            </a:solidFill>
          </a:ln>
        </p:spPr>
        <p:txBody>
          <a:bodyPr>
            <a:noAutofit/>
          </a:bodyPr>
          <a:lstStyle>
            <a:lvl1pPr>
              <a:defRPr sz="100" i="0" cap="none" baseline="0">
                <a:noFill/>
                <a:latin typeface="+mn-lt"/>
                <a:cs typeface="Poppins Medium" panose="00000600000000000000" pitchFamily="2" charset="0"/>
              </a:defRPr>
            </a:lvl1pPr>
            <a:lvl2pPr marL="108000" indent="0">
              <a:buNone/>
              <a:defRPr/>
            </a:lvl2pPr>
          </a:lstStyle>
          <a:p>
            <a:pPr lvl="0"/>
            <a:r>
              <a:rPr lang="fr-FR"/>
              <a:t>Day 1</a:t>
            </a:r>
          </a:p>
        </p:txBody>
      </p:sp>
      <p:sp>
        <p:nvSpPr>
          <p:cNvPr id="22" name="Espace réservé du texte 26">
            <a:extLst>
              <a:ext uri="{FF2B5EF4-FFF2-40B4-BE49-F238E27FC236}">
                <a16:creationId xmlns:a16="http://schemas.microsoft.com/office/drawing/2014/main" id="{98EB2C77-6FDD-910C-4D61-920166C4E888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194542" y="3876311"/>
            <a:ext cx="2515910" cy="3600"/>
          </a:xfrm>
          <a:solidFill>
            <a:srgbClr val="F5908D"/>
          </a:solidFill>
          <a:ln>
            <a:solidFill>
              <a:schemeClr val="tx2"/>
            </a:solidFill>
          </a:ln>
        </p:spPr>
        <p:txBody>
          <a:bodyPr>
            <a:noAutofit/>
          </a:bodyPr>
          <a:lstStyle>
            <a:lvl1pPr>
              <a:defRPr sz="100" i="0" cap="none" baseline="0">
                <a:noFill/>
                <a:latin typeface="+mn-lt"/>
                <a:cs typeface="Poppins Medium" panose="00000600000000000000" pitchFamily="2" charset="0"/>
              </a:defRPr>
            </a:lvl1pPr>
            <a:lvl2pPr marL="108000" indent="0">
              <a:buNone/>
              <a:defRPr/>
            </a:lvl2pPr>
          </a:lstStyle>
          <a:p>
            <a:pPr lvl="0"/>
            <a:r>
              <a:rPr lang="fr-FR"/>
              <a:t>Day 1</a:t>
            </a:r>
          </a:p>
        </p:txBody>
      </p:sp>
      <p:sp>
        <p:nvSpPr>
          <p:cNvPr id="23" name="Espace réservé du texte 10">
            <a:extLst>
              <a:ext uri="{FF2B5EF4-FFF2-40B4-BE49-F238E27FC236}">
                <a16:creationId xmlns:a16="http://schemas.microsoft.com/office/drawing/2014/main" id="{2224B261-E955-91B3-627B-5667292E2F89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>
            <a:off x="1475242" y="4201206"/>
            <a:ext cx="2515910" cy="1169551"/>
          </a:xfrm>
        </p:spPr>
        <p:txBody>
          <a:bodyPr/>
          <a:lstStyle>
            <a:lvl1pPr>
              <a:lnSpc>
                <a:spcPct val="80000"/>
              </a:lnSpc>
              <a:defRPr sz="1000">
                <a:solidFill>
                  <a:schemeClr val="accent2"/>
                </a:solidFill>
              </a:defRPr>
            </a:lvl1pPr>
            <a:lvl2pPr marL="0" indent="0">
              <a:lnSpc>
                <a:spcPct val="80000"/>
              </a:lnSpc>
              <a:buNone/>
              <a:defRPr lang="fr-FR" sz="1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2pPr>
          </a:lstStyle>
          <a:p>
            <a:pPr lvl="0"/>
            <a:r>
              <a:rPr lang="fr-FR"/>
              <a:t>Lorem ipsum </a:t>
            </a:r>
            <a:r>
              <a:rPr lang="fr-FR" err="1"/>
              <a:t>dolor</a:t>
            </a:r>
            <a:r>
              <a:rPr lang="fr-FR"/>
              <a:t> </a:t>
            </a:r>
            <a:r>
              <a:rPr lang="fr-FR" err="1"/>
              <a:t>sit</a:t>
            </a:r>
            <a:r>
              <a:rPr lang="fr-FR"/>
              <a:t> </a:t>
            </a:r>
            <a:r>
              <a:rPr lang="fr-FR" err="1"/>
              <a:t>amet</a:t>
            </a:r>
            <a:r>
              <a:rPr lang="fr-FR"/>
              <a:t>, </a:t>
            </a:r>
            <a:r>
              <a:rPr lang="fr-FR" err="1"/>
              <a:t>consecte</a:t>
            </a:r>
            <a:r>
              <a:rPr lang="fr-FR"/>
              <a:t>-</a:t>
            </a:r>
          </a:p>
          <a:p>
            <a:pPr lvl="0"/>
            <a:r>
              <a:rPr lang="fr-FR"/>
              <a:t>tuer </a:t>
            </a:r>
            <a:r>
              <a:rPr lang="fr-FR" err="1"/>
              <a:t>adipiscing</a:t>
            </a:r>
            <a:r>
              <a:rPr lang="fr-FR"/>
              <a:t> </a:t>
            </a:r>
            <a:r>
              <a:rPr lang="fr-FR" err="1"/>
              <a:t>elit</a:t>
            </a:r>
            <a:r>
              <a:rPr lang="fr-FR"/>
              <a:t>, </a:t>
            </a:r>
            <a:r>
              <a:rPr lang="fr-FR" err="1"/>
              <a:t>sed</a:t>
            </a:r>
            <a:r>
              <a:rPr lang="fr-FR"/>
              <a:t> diam </a:t>
            </a:r>
            <a:r>
              <a:rPr lang="fr-FR" err="1"/>
              <a:t>nonum</a:t>
            </a:r>
            <a:r>
              <a:rPr lang="fr-FR"/>
              <a:t>-</a:t>
            </a:r>
          </a:p>
          <a:p>
            <a:pPr lvl="0"/>
            <a:r>
              <a:rPr lang="fr-FR" err="1"/>
              <a:t>my</a:t>
            </a:r>
            <a:r>
              <a:rPr lang="fr-FR"/>
              <a:t> </a:t>
            </a:r>
            <a:r>
              <a:rPr lang="fr-FR" err="1"/>
              <a:t>nibh</a:t>
            </a:r>
            <a:r>
              <a:rPr lang="fr-FR"/>
              <a:t> </a:t>
            </a:r>
            <a:r>
              <a:rPr lang="fr-FR" err="1"/>
              <a:t>euismod</a:t>
            </a:r>
            <a:r>
              <a:rPr lang="fr-FR"/>
              <a:t> </a:t>
            </a:r>
            <a:r>
              <a:rPr lang="fr-FR" err="1"/>
              <a:t>tincidunt</a:t>
            </a:r>
            <a:r>
              <a:rPr lang="fr-FR"/>
              <a:t> ut </a:t>
            </a:r>
            <a:r>
              <a:rPr lang="fr-FR" err="1"/>
              <a:t>laoreet</a:t>
            </a:r>
            <a:endParaRPr lang="fr-FR"/>
          </a:p>
          <a:p>
            <a:pPr lvl="0"/>
            <a:r>
              <a:rPr lang="fr-FR" err="1"/>
              <a:t>dolore</a:t>
            </a:r>
            <a:r>
              <a:rPr lang="fr-FR"/>
              <a:t> magna </a:t>
            </a:r>
            <a:r>
              <a:rPr lang="fr-FR" err="1"/>
              <a:t>aliquam</a:t>
            </a:r>
            <a:r>
              <a:rPr lang="fr-FR"/>
              <a:t> erat </a:t>
            </a:r>
            <a:r>
              <a:rPr lang="fr-FR" err="1"/>
              <a:t>volutpat</a:t>
            </a:r>
            <a:r>
              <a:rPr lang="fr-FR"/>
              <a:t>.</a:t>
            </a:r>
          </a:p>
          <a:p>
            <a:pPr lvl="0"/>
            <a:r>
              <a:rPr lang="fr-FR"/>
              <a:t>Ut </a:t>
            </a:r>
            <a:r>
              <a:rPr lang="fr-FR" err="1"/>
              <a:t>wisi</a:t>
            </a:r>
            <a:r>
              <a:rPr lang="fr-FR"/>
              <a:t> </a:t>
            </a:r>
            <a:r>
              <a:rPr lang="fr-FR" err="1"/>
              <a:t>enim</a:t>
            </a:r>
            <a:r>
              <a:rPr lang="fr-FR"/>
              <a:t> ad </a:t>
            </a:r>
            <a:r>
              <a:rPr lang="fr-FR" err="1"/>
              <a:t>minim</a:t>
            </a:r>
            <a:r>
              <a:rPr lang="fr-FR"/>
              <a:t> </a:t>
            </a:r>
            <a:r>
              <a:rPr lang="fr-FR" err="1"/>
              <a:t>veniam</a:t>
            </a:r>
            <a:r>
              <a:rPr lang="fr-FR"/>
              <a:t>, </a:t>
            </a:r>
            <a:r>
              <a:rPr lang="fr-FR" err="1"/>
              <a:t>quis</a:t>
            </a:r>
            <a:endParaRPr lang="fr-FR"/>
          </a:p>
          <a:p>
            <a:pPr lvl="0"/>
            <a:r>
              <a:rPr lang="fr-FR" err="1"/>
              <a:t>nostrud</a:t>
            </a:r>
            <a:r>
              <a:rPr lang="fr-FR"/>
              <a:t> </a:t>
            </a:r>
            <a:r>
              <a:rPr lang="fr-FR" err="1"/>
              <a:t>exerci</a:t>
            </a:r>
            <a:r>
              <a:rPr lang="fr-FR"/>
              <a:t> </a:t>
            </a:r>
            <a:r>
              <a:rPr lang="fr-FR" err="1"/>
              <a:t>tation</a:t>
            </a:r>
            <a:r>
              <a:rPr lang="fr-FR"/>
              <a:t> </a:t>
            </a:r>
            <a:r>
              <a:rPr lang="fr-FR" err="1"/>
              <a:t>ullamcorper</a:t>
            </a:r>
            <a:r>
              <a:rPr lang="fr-FR"/>
              <a:t> sus-</a:t>
            </a:r>
          </a:p>
          <a:p>
            <a:pPr lvl="0"/>
            <a:r>
              <a:rPr lang="fr-FR" err="1"/>
              <a:t>cipit</a:t>
            </a:r>
            <a:r>
              <a:rPr lang="fr-FR"/>
              <a:t> </a:t>
            </a:r>
            <a:r>
              <a:rPr lang="fr-FR" err="1"/>
              <a:t>lobortis</a:t>
            </a:r>
            <a:r>
              <a:rPr lang="fr-FR"/>
              <a:t> </a:t>
            </a:r>
            <a:r>
              <a:rPr lang="fr-FR" err="1"/>
              <a:t>nisl</a:t>
            </a:r>
            <a:r>
              <a:rPr lang="fr-FR"/>
              <a:t> ut </a:t>
            </a:r>
            <a:r>
              <a:rPr lang="fr-FR" err="1"/>
              <a:t>aliquip</a:t>
            </a:r>
            <a:r>
              <a:rPr lang="fr-FR"/>
              <a:t> ex </a:t>
            </a:r>
            <a:r>
              <a:rPr lang="fr-FR" err="1"/>
              <a:t>ea</a:t>
            </a:r>
            <a:r>
              <a:rPr lang="fr-FR"/>
              <a:t> com-</a:t>
            </a:r>
          </a:p>
          <a:p>
            <a:pPr lvl="0"/>
            <a:r>
              <a:rPr lang="fr-FR"/>
              <a:t>modo </a:t>
            </a:r>
            <a:r>
              <a:rPr lang="fr-FR" err="1"/>
              <a:t>consequat</a:t>
            </a:r>
            <a:r>
              <a:rPr lang="fr-FR"/>
              <a:t>.</a:t>
            </a:r>
          </a:p>
        </p:txBody>
      </p:sp>
      <p:sp>
        <p:nvSpPr>
          <p:cNvPr id="24" name="Espace réservé du texte 10">
            <a:extLst>
              <a:ext uri="{FF2B5EF4-FFF2-40B4-BE49-F238E27FC236}">
                <a16:creationId xmlns:a16="http://schemas.microsoft.com/office/drawing/2014/main" id="{EFF96978-542F-DEC7-6EDF-7440E5D0D654}"/>
              </a:ext>
            </a:extLst>
          </p:cNvPr>
          <p:cNvSpPr>
            <a:spLocks noGrp="1"/>
          </p:cNvSpPr>
          <p:nvPr>
            <p:ph type="body" sz="quarter" idx="51" hasCustomPrompt="1"/>
          </p:nvPr>
        </p:nvSpPr>
        <p:spPr>
          <a:xfrm>
            <a:off x="4834891" y="4201206"/>
            <a:ext cx="2515910" cy="1169551"/>
          </a:xfrm>
        </p:spPr>
        <p:txBody>
          <a:bodyPr/>
          <a:lstStyle>
            <a:lvl1pPr>
              <a:lnSpc>
                <a:spcPct val="80000"/>
              </a:lnSpc>
              <a:defRPr sz="1000">
                <a:solidFill>
                  <a:schemeClr val="accent2"/>
                </a:solidFill>
              </a:defRPr>
            </a:lvl1pPr>
            <a:lvl2pPr marL="0" indent="0">
              <a:lnSpc>
                <a:spcPct val="80000"/>
              </a:lnSpc>
              <a:buNone/>
              <a:defRPr lang="fr-FR" sz="1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2pPr>
          </a:lstStyle>
          <a:p>
            <a:pPr lvl="0"/>
            <a:r>
              <a:rPr lang="fr-FR"/>
              <a:t>Lorem ipsum </a:t>
            </a:r>
            <a:r>
              <a:rPr lang="fr-FR" err="1"/>
              <a:t>dolor</a:t>
            </a:r>
            <a:r>
              <a:rPr lang="fr-FR"/>
              <a:t> </a:t>
            </a:r>
            <a:r>
              <a:rPr lang="fr-FR" err="1"/>
              <a:t>sit</a:t>
            </a:r>
            <a:r>
              <a:rPr lang="fr-FR"/>
              <a:t> </a:t>
            </a:r>
            <a:r>
              <a:rPr lang="fr-FR" err="1"/>
              <a:t>amet</a:t>
            </a:r>
            <a:r>
              <a:rPr lang="fr-FR"/>
              <a:t>, </a:t>
            </a:r>
            <a:r>
              <a:rPr lang="fr-FR" err="1"/>
              <a:t>consecte</a:t>
            </a:r>
            <a:r>
              <a:rPr lang="fr-FR"/>
              <a:t>-</a:t>
            </a:r>
          </a:p>
          <a:p>
            <a:pPr lvl="0"/>
            <a:r>
              <a:rPr lang="fr-FR"/>
              <a:t>tuer </a:t>
            </a:r>
            <a:r>
              <a:rPr lang="fr-FR" err="1"/>
              <a:t>adipiscing</a:t>
            </a:r>
            <a:r>
              <a:rPr lang="fr-FR"/>
              <a:t> </a:t>
            </a:r>
            <a:r>
              <a:rPr lang="fr-FR" err="1"/>
              <a:t>elit</a:t>
            </a:r>
            <a:r>
              <a:rPr lang="fr-FR"/>
              <a:t>, </a:t>
            </a:r>
            <a:r>
              <a:rPr lang="fr-FR" err="1"/>
              <a:t>sed</a:t>
            </a:r>
            <a:r>
              <a:rPr lang="fr-FR"/>
              <a:t> diam </a:t>
            </a:r>
            <a:r>
              <a:rPr lang="fr-FR" err="1"/>
              <a:t>nonum</a:t>
            </a:r>
            <a:r>
              <a:rPr lang="fr-FR"/>
              <a:t>-</a:t>
            </a:r>
          </a:p>
          <a:p>
            <a:pPr lvl="0"/>
            <a:r>
              <a:rPr lang="fr-FR" err="1"/>
              <a:t>my</a:t>
            </a:r>
            <a:r>
              <a:rPr lang="fr-FR"/>
              <a:t> </a:t>
            </a:r>
            <a:r>
              <a:rPr lang="fr-FR" err="1"/>
              <a:t>nibh</a:t>
            </a:r>
            <a:r>
              <a:rPr lang="fr-FR"/>
              <a:t> </a:t>
            </a:r>
            <a:r>
              <a:rPr lang="fr-FR" err="1"/>
              <a:t>euismod</a:t>
            </a:r>
            <a:r>
              <a:rPr lang="fr-FR"/>
              <a:t> </a:t>
            </a:r>
            <a:r>
              <a:rPr lang="fr-FR" err="1"/>
              <a:t>tincidunt</a:t>
            </a:r>
            <a:r>
              <a:rPr lang="fr-FR"/>
              <a:t> ut </a:t>
            </a:r>
            <a:r>
              <a:rPr lang="fr-FR" err="1"/>
              <a:t>laoreet</a:t>
            </a:r>
            <a:endParaRPr lang="fr-FR"/>
          </a:p>
          <a:p>
            <a:pPr lvl="0"/>
            <a:r>
              <a:rPr lang="fr-FR" err="1"/>
              <a:t>dolore</a:t>
            </a:r>
            <a:r>
              <a:rPr lang="fr-FR"/>
              <a:t> magna </a:t>
            </a:r>
            <a:r>
              <a:rPr lang="fr-FR" err="1"/>
              <a:t>aliquam</a:t>
            </a:r>
            <a:r>
              <a:rPr lang="fr-FR"/>
              <a:t> erat </a:t>
            </a:r>
            <a:r>
              <a:rPr lang="fr-FR" err="1"/>
              <a:t>volutpat</a:t>
            </a:r>
            <a:r>
              <a:rPr lang="fr-FR"/>
              <a:t>.</a:t>
            </a:r>
          </a:p>
          <a:p>
            <a:pPr lvl="0"/>
            <a:r>
              <a:rPr lang="fr-FR"/>
              <a:t>Ut </a:t>
            </a:r>
            <a:r>
              <a:rPr lang="fr-FR" err="1"/>
              <a:t>wisi</a:t>
            </a:r>
            <a:r>
              <a:rPr lang="fr-FR"/>
              <a:t> </a:t>
            </a:r>
            <a:r>
              <a:rPr lang="fr-FR" err="1"/>
              <a:t>enim</a:t>
            </a:r>
            <a:r>
              <a:rPr lang="fr-FR"/>
              <a:t> ad </a:t>
            </a:r>
            <a:r>
              <a:rPr lang="fr-FR" err="1"/>
              <a:t>minim</a:t>
            </a:r>
            <a:r>
              <a:rPr lang="fr-FR"/>
              <a:t> </a:t>
            </a:r>
            <a:r>
              <a:rPr lang="fr-FR" err="1"/>
              <a:t>veniam</a:t>
            </a:r>
            <a:r>
              <a:rPr lang="fr-FR"/>
              <a:t>, </a:t>
            </a:r>
            <a:r>
              <a:rPr lang="fr-FR" err="1"/>
              <a:t>quis</a:t>
            </a:r>
            <a:endParaRPr lang="fr-FR"/>
          </a:p>
          <a:p>
            <a:pPr lvl="0"/>
            <a:r>
              <a:rPr lang="fr-FR" err="1"/>
              <a:t>nostrud</a:t>
            </a:r>
            <a:r>
              <a:rPr lang="fr-FR"/>
              <a:t> </a:t>
            </a:r>
            <a:r>
              <a:rPr lang="fr-FR" err="1"/>
              <a:t>exerci</a:t>
            </a:r>
            <a:r>
              <a:rPr lang="fr-FR"/>
              <a:t> </a:t>
            </a:r>
            <a:r>
              <a:rPr lang="fr-FR" err="1"/>
              <a:t>tation</a:t>
            </a:r>
            <a:r>
              <a:rPr lang="fr-FR"/>
              <a:t> </a:t>
            </a:r>
            <a:r>
              <a:rPr lang="fr-FR" err="1"/>
              <a:t>ullamcorper</a:t>
            </a:r>
            <a:r>
              <a:rPr lang="fr-FR"/>
              <a:t> sus-</a:t>
            </a:r>
          </a:p>
          <a:p>
            <a:pPr lvl="0"/>
            <a:r>
              <a:rPr lang="fr-FR" err="1"/>
              <a:t>cipit</a:t>
            </a:r>
            <a:r>
              <a:rPr lang="fr-FR"/>
              <a:t> </a:t>
            </a:r>
            <a:r>
              <a:rPr lang="fr-FR" err="1"/>
              <a:t>lobortis</a:t>
            </a:r>
            <a:r>
              <a:rPr lang="fr-FR"/>
              <a:t> </a:t>
            </a:r>
            <a:r>
              <a:rPr lang="fr-FR" err="1"/>
              <a:t>nisl</a:t>
            </a:r>
            <a:r>
              <a:rPr lang="fr-FR"/>
              <a:t> ut </a:t>
            </a:r>
            <a:r>
              <a:rPr lang="fr-FR" err="1"/>
              <a:t>aliquip</a:t>
            </a:r>
            <a:r>
              <a:rPr lang="fr-FR"/>
              <a:t> ex </a:t>
            </a:r>
            <a:r>
              <a:rPr lang="fr-FR" err="1"/>
              <a:t>ea</a:t>
            </a:r>
            <a:r>
              <a:rPr lang="fr-FR"/>
              <a:t> com-</a:t>
            </a:r>
          </a:p>
          <a:p>
            <a:pPr lvl="0"/>
            <a:r>
              <a:rPr lang="fr-FR"/>
              <a:t>modo </a:t>
            </a:r>
            <a:r>
              <a:rPr lang="fr-FR" err="1"/>
              <a:t>consequat</a:t>
            </a:r>
            <a:r>
              <a:rPr lang="fr-FR"/>
              <a:t>.</a:t>
            </a:r>
          </a:p>
        </p:txBody>
      </p:sp>
      <p:sp>
        <p:nvSpPr>
          <p:cNvPr id="25" name="Espace réservé du texte 10">
            <a:extLst>
              <a:ext uri="{FF2B5EF4-FFF2-40B4-BE49-F238E27FC236}">
                <a16:creationId xmlns:a16="http://schemas.microsoft.com/office/drawing/2014/main" id="{989A4237-C665-2E60-5768-F0AD94EE9CE9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8194542" y="4201206"/>
            <a:ext cx="2515910" cy="1169551"/>
          </a:xfrm>
        </p:spPr>
        <p:txBody>
          <a:bodyPr/>
          <a:lstStyle>
            <a:lvl1pPr>
              <a:lnSpc>
                <a:spcPct val="80000"/>
              </a:lnSpc>
              <a:defRPr sz="1000">
                <a:solidFill>
                  <a:schemeClr val="accent2"/>
                </a:solidFill>
              </a:defRPr>
            </a:lvl1pPr>
            <a:lvl2pPr marL="0" indent="0">
              <a:lnSpc>
                <a:spcPct val="80000"/>
              </a:lnSpc>
              <a:buNone/>
              <a:defRPr lang="fr-FR" sz="1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2pPr>
          </a:lstStyle>
          <a:p>
            <a:pPr lvl="0"/>
            <a:r>
              <a:rPr lang="fr-FR"/>
              <a:t>Lorem ipsum </a:t>
            </a:r>
            <a:r>
              <a:rPr lang="fr-FR" err="1"/>
              <a:t>dolor</a:t>
            </a:r>
            <a:r>
              <a:rPr lang="fr-FR"/>
              <a:t> </a:t>
            </a:r>
            <a:r>
              <a:rPr lang="fr-FR" err="1"/>
              <a:t>sit</a:t>
            </a:r>
            <a:r>
              <a:rPr lang="fr-FR"/>
              <a:t> </a:t>
            </a:r>
            <a:r>
              <a:rPr lang="fr-FR" err="1"/>
              <a:t>amet</a:t>
            </a:r>
            <a:r>
              <a:rPr lang="fr-FR"/>
              <a:t>, </a:t>
            </a:r>
            <a:r>
              <a:rPr lang="fr-FR" err="1"/>
              <a:t>consecte</a:t>
            </a:r>
            <a:r>
              <a:rPr lang="fr-FR"/>
              <a:t>-</a:t>
            </a:r>
          </a:p>
          <a:p>
            <a:pPr lvl="0"/>
            <a:r>
              <a:rPr lang="fr-FR"/>
              <a:t>tuer </a:t>
            </a:r>
            <a:r>
              <a:rPr lang="fr-FR" err="1"/>
              <a:t>adipiscing</a:t>
            </a:r>
            <a:r>
              <a:rPr lang="fr-FR"/>
              <a:t> </a:t>
            </a:r>
            <a:r>
              <a:rPr lang="fr-FR" err="1"/>
              <a:t>elit</a:t>
            </a:r>
            <a:r>
              <a:rPr lang="fr-FR"/>
              <a:t>, </a:t>
            </a:r>
            <a:r>
              <a:rPr lang="fr-FR" err="1"/>
              <a:t>sed</a:t>
            </a:r>
            <a:r>
              <a:rPr lang="fr-FR"/>
              <a:t> diam </a:t>
            </a:r>
            <a:r>
              <a:rPr lang="fr-FR" err="1"/>
              <a:t>nonum</a:t>
            </a:r>
            <a:r>
              <a:rPr lang="fr-FR"/>
              <a:t>-</a:t>
            </a:r>
          </a:p>
          <a:p>
            <a:pPr lvl="0"/>
            <a:r>
              <a:rPr lang="fr-FR" err="1"/>
              <a:t>my</a:t>
            </a:r>
            <a:r>
              <a:rPr lang="fr-FR"/>
              <a:t> </a:t>
            </a:r>
            <a:r>
              <a:rPr lang="fr-FR" err="1"/>
              <a:t>nibh</a:t>
            </a:r>
            <a:r>
              <a:rPr lang="fr-FR"/>
              <a:t> </a:t>
            </a:r>
            <a:r>
              <a:rPr lang="fr-FR" err="1"/>
              <a:t>euismod</a:t>
            </a:r>
            <a:r>
              <a:rPr lang="fr-FR"/>
              <a:t> </a:t>
            </a:r>
            <a:r>
              <a:rPr lang="fr-FR" err="1"/>
              <a:t>tincidunt</a:t>
            </a:r>
            <a:r>
              <a:rPr lang="fr-FR"/>
              <a:t> ut </a:t>
            </a:r>
            <a:r>
              <a:rPr lang="fr-FR" err="1"/>
              <a:t>laoreet</a:t>
            </a:r>
            <a:endParaRPr lang="fr-FR"/>
          </a:p>
          <a:p>
            <a:pPr lvl="0"/>
            <a:r>
              <a:rPr lang="fr-FR" err="1"/>
              <a:t>dolore</a:t>
            </a:r>
            <a:r>
              <a:rPr lang="fr-FR"/>
              <a:t> magna </a:t>
            </a:r>
            <a:r>
              <a:rPr lang="fr-FR" err="1"/>
              <a:t>aliquam</a:t>
            </a:r>
            <a:r>
              <a:rPr lang="fr-FR"/>
              <a:t> erat </a:t>
            </a:r>
            <a:r>
              <a:rPr lang="fr-FR" err="1"/>
              <a:t>volutpat</a:t>
            </a:r>
            <a:r>
              <a:rPr lang="fr-FR"/>
              <a:t>.</a:t>
            </a:r>
          </a:p>
          <a:p>
            <a:pPr lvl="0"/>
            <a:r>
              <a:rPr lang="fr-FR"/>
              <a:t>Ut </a:t>
            </a:r>
            <a:r>
              <a:rPr lang="fr-FR" err="1"/>
              <a:t>wisi</a:t>
            </a:r>
            <a:r>
              <a:rPr lang="fr-FR"/>
              <a:t> </a:t>
            </a:r>
            <a:r>
              <a:rPr lang="fr-FR" err="1"/>
              <a:t>enim</a:t>
            </a:r>
            <a:r>
              <a:rPr lang="fr-FR"/>
              <a:t> ad </a:t>
            </a:r>
            <a:r>
              <a:rPr lang="fr-FR" err="1"/>
              <a:t>minim</a:t>
            </a:r>
            <a:r>
              <a:rPr lang="fr-FR"/>
              <a:t> </a:t>
            </a:r>
            <a:r>
              <a:rPr lang="fr-FR" err="1"/>
              <a:t>veniam</a:t>
            </a:r>
            <a:r>
              <a:rPr lang="fr-FR"/>
              <a:t>, </a:t>
            </a:r>
            <a:r>
              <a:rPr lang="fr-FR" err="1"/>
              <a:t>quis</a:t>
            </a:r>
            <a:endParaRPr lang="fr-FR"/>
          </a:p>
          <a:p>
            <a:pPr lvl="0"/>
            <a:r>
              <a:rPr lang="fr-FR" err="1"/>
              <a:t>nostrud</a:t>
            </a:r>
            <a:r>
              <a:rPr lang="fr-FR"/>
              <a:t> </a:t>
            </a:r>
            <a:r>
              <a:rPr lang="fr-FR" err="1"/>
              <a:t>exerci</a:t>
            </a:r>
            <a:r>
              <a:rPr lang="fr-FR"/>
              <a:t> </a:t>
            </a:r>
            <a:r>
              <a:rPr lang="fr-FR" err="1"/>
              <a:t>tation</a:t>
            </a:r>
            <a:r>
              <a:rPr lang="fr-FR"/>
              <a:t> </a:t>
            </a:r>
            <a:r>
              <a:rPr lang="fr-FR" err="1"/>
              <a:t>ullamcorper</a:t>
            </a:r>
            <a:r>
              <a:rPr lang="fr-FR"/>
              <a:t> sus-</a:t>
            </a:r>
          </a:p>
          <a:p>
            <a:pPr lvl="0"/>
            <a:r>
              <a:rPr lang="fr-FR" err="1"/>
              <a:t>cipit</a:t>
            </a:r>
            <a:r>
              <a:rPr lang="fr-FR"/>
              <a:t> </a:t>
            </a:r>
            <a:r>
              <a:rPr lang="fr-FR" err="1"/>
              <a:t>lobortis</a:t>
            </a:r>
            <a:r>
              <a:rPr lang="fr-FR"/>
              <a:t> </a:t>
            </a:r>
            <a:r>
              <a:rPr lang="fr-FR" err="1"/>
              <a:t>nisl</a:t>
            </a:r>
            <a:r>
              <a:rPr lang="fr-FR"/>
              <a:t> ut </a:t>
            </a:r>
            <a:r>
              <a:rPr lang="fr-FR" err="1"/>
              <a:t>aliquip</a:t>
            </a:r>
            <a:r>
              <a:rPr lang="fr-FR"/>
              <a:t> ex </a:t>
            </a:r>
            <a:r>
              <a:rPr lang="fr-FR" err="1"/>
              <a:t>ea</a:t>
            </a:r>
            <a:r>
              <a:rPr lang="fr-FR"/>
              <a:t> com-</a:t>
            </a:r>
          </a:p>
          <a:p>
            <a:pPr lvl="0"/>
            <a:r>
              <a:rPr lang="fr-FR"/>
              <a:t>modo </a:t>
            </a:r>
            <a:r>
              <a:rPr lang="fr-FR" err="1"/>
              <a:t>consequat</a:t>
            </a:r>
            <a:r>
              <a:rPr lang="fr-FR"/>
              <a:t>.</a:t>
            </a:r>
          </a:p>
        </p:txBody>
      </p:sp>
      <p:sp>
        <p:nvSpPr>
          <p:cNvPr id="27" name="Espace réservé du texte 10">
            <a:extLst>
              <a:ext uri="{FF2B5EF4-FFF2-40B4-BE49-F238E27FC236}">
                <a16:creationId xmlns:a16="http://schemas.microsoft.com/office/drawing/2014/main" id="{40159ECC-7CD9-B0D3-5C13-792108C0963E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1496829" y="2949113"/>
            <a:ext cx="2515910" cy="820994"/>
          </a:xfrm>
        </p:spPr>
        <p:txBody>
          <a:bodyPr vert="horz" wrap="square" lIns="0" tIns="0" rIns="0" bIns="0" rtlCol="0">
            <a:spAutoFit/>
          </a:bodyPr>
          <a:lstStyle>
            <a:lvl1pPr>
              <a:defRPr lang="fr-FR" sz="5500" b="0">
                <a:ln w="21590">
                  <a:noFill/>
                </a:ln>
                <a:solidFill>
                  <a:schemeClr val="accent3"/>
                </a:solidFill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</a:lstStyle>
          <a:p>
            <a:pPr lvl="0">
              <a:lnSpc>
                <a:spcPct val="96000"/>
              </a:lnSpc>
              <a:spcAft>
                <a:spcPts val="0"/>
              </a:spcAft>
            </a:pPr>
            <a:r>
              <a:rPr lang="fr-FR"/>
              <a:t>xx%</a:t>
            </a:r>
          </a:p>
        </p:txBody>
      </p:sp>
      <p:sp>
        <p:nvSpPr>
          <p:cNvPr id="28" name="Espace réservé du texte 10">
            <a:extLst>
              <a:ext uri="{FF2B5EF4-FFF2-40B4-BE49-F238E27FC236}">
                <a16:creationId xmlns:a16="http://schemas.microsoft.com/office/drawing/2014/main" id="{29B45D2B-210A-12D5-1124-8D87A853438C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834891" y="2949113"/>
            <a:ext cx="2515910" cy="852734"/>
          </a:xfrm>
        </p:spPr>
        <p:txBody>
          <a:bodyPr vert="horz" wrap="square" lIns="0" tIns="0" rIns="0" bIns="0" rtlCol="0">
            <a:spAutoFit/>
          </a:bodyPr>
          <a:lstStyle>
            <a:lvl1pPr>
              <a:defRPr lang="fr-FR" sz="5500" b="0">
                <a:ln w="21590">
                  <a:noFill/>
                </a:ln>
                <a:solidFill>
                  <a:schemeClr val="accent3"/>
                </a:solidFill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</a:lstStyle>
          <a:p>
            <a:pPr lvl="0" algn="l"/>
            <a:r>
              <a:rPr lang="fr-FR" sz="5500" err="1">
                <a:solidFill>
                  <a:schemeClr val="accent3"/>
                </a:solidFill>
                <a:latin typeface="Poppins ExtraBold" panose="00000900000000000000" pitchFamily="2" charset="0"/>
                <a:cs typeface="Poppins ExtraBold" panose="00000900000000000000" pitchFamily="2" charset="0"/>
              </a:rPr>
              <a:t>xxM</a:t>
            </a:r>
            <a:r>
              <a:rPr lang="fr-FR" sz="5500">
                <a:solidFill>
                  <a:schemeClr val="accent3"/>
                </a:solidFill>
                <a:latin typeface="Poppins ExtraBold" panose="00000900000000000000" pitchFamily="2" charset="0"/>
                <a:cs typeface="Poppins ExtraBold" panose="00000900000000000000" pitchFamily="2" charset="0"/>
              </a:rPr>
              <a:t>€</a:t>
            </a:r>
          </a:p>
        </p:txBody>
      </p:sp>
      <p:sp>
        <p:nvSpPr>
          <p:cNvPr id="29" name="Espace réservé du texte 10">
            <a:extLst>
              <a:ext uri="{FF2B5EF4-FFF2-40B4-BE49-F238E27FC236}">
                <a16:creationId xmlns:a16="http://schemas.microsoft.com/office/drawing/2014/main" id="{1470B410-0366-AEFF-03F0-4D02E99E5A23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8194542" y="2949113"/>
            <a:ext cx="2515910" cy="820994"/>
          </a:xfrm>
        </p:spPr>
        <p:txBody>
          <a:bodyPr vert="horz" wrap="square" lIns="0" tIns="0" rIns="0" bIns="0" rtlCol="0">
            <a:spAutoFit/>
          </a:bodyPr>
          <a:lstStyle>
            <a:lvl1pPr>
              <a:defRPr lang="fr-FR" sz="5500" b="0">
                <a:ln w="21590">
                  <a:noFill/>
                </a:ln>
                <a:solidFill>
                  <a:schemeClr val="accent3"/>
                </a:solidFill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</a:lstStyle>
          <a:p>
            <a:pPr lvl="0">
              <a:lnSpc>
                <a:spcPct val="96000"/>
              </a:lnSpc>
              <a:spcAft>
                <a:spcPts val="0"/>
              </a:spcAft>
            </a:pPr>
            <a:r>
              <a:rPr lang="fr-FR"/>
              <a:t>1/5</a:t>
            </a:r>
          </a:p>
        </p:txBody>
      </p:sp>
      <p:sp>
        <p:nvSpPr>
          <p:cNvPr id="2" name="Espace réservé du pied de page 1">
            <a:extLst>
              <a:ext uri="{FF2B5EF4-FFF2-40B4-BE49-F238E27FC236}">
                <a16:creationId xmlns:a16="http://schemas.microsoft.com/office/drawing/2014/main" id="{C49F4722-8BEC-8799-7519-5F24F52389A8}"/>
              </a:ext>
            </a:extLst>
          </p:cNvPr>
          <p:cNvSpPr>
            <a:spLocks noGrp="1"/>
          </p:cNvSpPr>
          <p:nvPr>
            <p:ph type="ftr" sz="quarter" idx="56"/>
          </p:nvPr>
        </p:nvSpPr>
        <p:spPr/>
        <p:txBody>
          <a:bodyPr/>
          <a:lstStyle/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16042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Imag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755A9E-B5F9-42B8-A663-09F0B19A19E0}"/>
              </a:ext>
            </a:extLst>
          </p:cNvPr>
          <p:cNvSpPr/>
          <p:nvPr userDrawn="1"/>
        </p:nvSpPr>
        <p:spPr>
          <a:xfrm>
            <a:off x="0" y="0"/>
            <a:ext cx="39624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0"/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E3DC93F4-A945-42B6-9692-126B44277DA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3962400" cy="6857999"/>
          </a:xfrm>
          <a:custGeom>
            <a:avLst/>
            <a:gdLst>
              <a:gd name="connsiteX0" fmla="*/ 0 w 5283200"/>
              <a:gd name="connsiteY0" fmla="*/ 0 h 9143998"/>
              <a:gd name="connsiteX1" fmla="*/ 3454400 w 5283200"/>
              <a:gd name="connsiteY1" fmla="*/ 0 h 9143998"/>
              <a:gd name="connsiteX2" fmla="*/ 3454400 w 5283200"/>
              <a:gd name="connsiteY2" fmla="*/ 914400 h 9143998"/>
              <a:gd name="connsiteX3" fmla="*/ 4368800 w 5283200"/>
              <a:gd name="connsiteY3" fmla="*/ 914400 h 9143998"/>
              <a:gd name="connsiteX4" fmla="*/ 4368800 w 5283200"/>
              <a:gd name="connsiteY4" fmla="*/ 1828800 h 9143998"/>
              <a:gd name="connsiteX5" fmla="*/ 5283200 w 5283200"/>
              <a:gd name="connsiteY5" fmla="*/ 1828800 h 9143998"/>
              <a:gd name="connsiteX6" fmla="*/ 5283200 w 5283200"/>
              <a:gd name="connsiteY6" fmla="*/ 9143998 h 9143998"/>
              <a:gd name="connsiteX7" fmla="*/ 0 w 5283200"/>
              <a:gd name="connsiteY7" fmla="*/ 9143998 h 9143998"/>
              <a:gd name="connsiteX8" fmla="*/ 0 w 5283200"/>
              <a:gd name="connsiteY8" fmla="*/ 9143403 h 9143998"/>
              <a:gd name="connsiteX9" fmla="*/ 912533 w 5283200"/>
              <a:gd name="connsiteY9" fmla="*/ 9143403 h 9143998"/>
              <a:gd name="connsiteX10" fmla="*/ 912533 w 5283200"/>
              <a:gd name="connsiteY10" fmla="*/ 8230869 h 9143998"/>
              <a:gd name="connsiteX11" fmla="*/ 0 w 5283200"/>
              <a:gd name="connsiteY11" fmla="*/ 8230869 h 91439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283200" h="9143998">
                <a:moveTo>
                  <a:pt x="0" y="0"/>
                </a:moveTo>
                <a:lnTo>
                  <a:pt x="3454400" y="0"/>
                </a:lnTo>
                <a:lnTo>
                  <a:pt x="3454400" y="914400"/>
                </a:lnTo>
                <a:lnTo>
                  <a:pt x="4368800" y="914400"/>
                </a:lnTo>
                <a:lnTo>
                  <a:pt x="4368800" y="1828800"/>
                </a:lnTo>
                <a:lnTo>
                  <a:pt x="5283200" y="1828800"/>
                </a:lnTo>
                <a:lnTo>
                  <a:pt x="5283200" y="9143998"/>
                </a:lnTo>
                <a:lnTo>
                  <a:pt x="0" y="9143998"/>
                </a:lnTo>
                <a:lnTo>
                  <a:pt x="0" y="9143403"/>
                </a:lnTo>
                <a:lnTo>
                  <a:pt x="912533" y="9143403"/>
                </a:lnTo>
                <a:lnTo>
                  <a:pt x="912533" y="8230869"/>
                </a:lnTo>
                <a:lnTo>
                  <a:pt x="0" y="8230869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12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638675" y="697701"/>
            <a:ext cx="5343525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D3720633-DD1E-4523-BB30-553B5199501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638676" y="1989474"/>
            <a:ext cx="6759416" cy="1124923"/>
          </a:xfrm>
        </p:spPr>
        <p:txBody>
          <a:bodyPr wrap="square">
            <a:spAutoFit/>
          </a:bodyPr>
          <a:lstStyle>
            <a:lvl1pPr>
              <a:defRPr sz="180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77222AF-D59D-4EB8-BA6C-7217DC916854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  <p:pic>
        <p:nvPicPr>
          <p:cNvPr id="8" name="Picture 7" descr="Logo&#10;&#10;Description automatically generated">
            <a:extLst>
              <a:ext uri="{FF2B5EF4-FFF2-40B4-BE49-F238E27FC236}">
                <a16:creationId xmlns:a16="http://schemas.microsoft.com/office/drawing/2014/main" id="{B48C7CC7-E018-4FAB-A30F-517342292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29825" y="321563"/>
            <a:ext cx="1600200" cy="7094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0864161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rk_Big Image + text">
    <p:bg>
      <p:bgPr>
        <a:solidFill>
          <a:srgbClr val="222C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755A9E-B5F9-42B8-A663-09F0B19A19E0}"/>
              </a:ext>
            </a:extLst>
          </p:cNvPr>
          <p:cNvSpPr/>
          <p:nvPr userDrawn="1"/>
        </p:nvSpPr>
        <p:spPr>
          <a:xfrm>
            <a:off x="0" y="0"/>
            <a:ext cx="39624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0"/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E3DC93F4-A945-42B6-9692-126B44277DA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3962400" cy="6857999"/>
          </a:xfrm>
          <a:custGeom>
            <a:avLst/>
            <a:gdLst>
              <a:gd name="connsiteX0" fmla="*/ 0 w 5283200"/>
              <a:gd name="connsiteY0" fmla="*/ 0 h 9143998"/>
              <a:gd name="connsiteX1" fmla="*/ 3454400 w 5283200"/>
              <a:gd name="connsiteY1" fmla="*/ 0 h 9143998"/>
              <a:gd name="connsiteX2" fmla="*/ 3454400 w 5283200"/>
              <a:gd name="connsiteY2" fmla="*/ 914400 h 9143998"/>
              <a:gd name="connsiteX3" fmla="*/ 4368800 w 5283200"/>
              <a:gd name="connsiteY3" fmla="*/ 914400 h 9143998"/>
              <a:gd name="connsiteX4" fmla="*/ 4368800 w 5283200"/>
              <a:gd name="connsiteY4" fmla="*/ 1828800 h 9143998"/>
              <a:gd name="connsiteX5" fmla="*/ 5283200 w 5283200"/>
              <a:gd name="connsiteY5" fmla="*/ 1828800 h 9143998"/>
              <a:gd name="connsiteX6" fmla="*/ 5283200 w 5283200"/>
              <a:gd name="connsiteY6" fmla="*/ 9143998 h 9143998"/>
              <a:gd name="connsiteX7" fmla="*/ 0 w 5283200"/>
              <a:gd name="connsiteY7" fmla="*/ 9143998 h 9143998"/>
              <a:gd name="connsiteX8" fmla="*/ 0 w 5283200"/>
              <a:gd name="connsiteY8" fmla="*/ 9143403 h 9143998"/>
              <a:gd name="connsiteX9" fmla="*/ 912533 w 5283200"/>
              <a:gd name="connsiteY9" fmla="*/ 9143403 h 9143998"/>
              <a:gd name="connsiteX10" fmla="*/ 912533 w 5283200"/>
              <a:gd name="connsiteY10" fmla="*/ 8230869 h 9143998"/>
              <a:gd name="connsiteX11" fmla="*/ 0 w 5283200"/>
              <a:gd name="connsiteY11" fmla="*/ 8230869 h 91439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283200" h="9143998">
                <a:moveTo>
                  <a:pt x="0" y="0"/>
                </a:moveTo>
                <a:lnTo>
                  <a:pt x="3454400" y="0"/>
                </a:lnTo>
                <a:lnTo>
                  <a:pt x="3454400" y="914400"/>
                </a:lnTo>
                <a:lnTo>
                  <a:pt x="4368800" y="914400"/>
                </a:lnTo>
                <a:lnTo>
                  <a:pt x="4368800" y="1828800"/>
                </a:lnTo>
                <a:lnTo>
                  <a:pt x="5283200" y="1828800"/>
                </a:lnTo>
                <a:lnTo>
                  <a:pt x="5283200" y="9143998"/>
                </a:lnTo>
                <a:lnTo>
                  <a:pt x="0" y="9143998"/>
                </a:lnTo>
                <a:lnTo>
                  <a:pt x="0" y="9143403"/>
                </a:lnTo>
                <a:lnTo>
                  <a:pt x="912533" y="9143403"/>
                </a:lnTo>
                <a:lnTo>
                  <a:pt x="912533" y="8230869"/>
                </a:lnTo>
                <a:lnTo>
                  <a:pt x="0" y="8230869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12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638675" y="697701"/>
            <a:ext cx="5343525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D3720633-DD1E-4523-BB30-553B5199501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638676" y="1989475"/>
            <a:ext cx="6759416" cy="1124923"/>
          </a:xfrm>
        </p:spPr>
        <p:txBody>
          <a:bodyPr wrap="square">
            <a:spAutoFit/>
          </a:bodyPr>
          <a:lstStyle>
            <a:lvl1pPr>
              <a:defRPr sz="1800">
                <a:solidFill>
                  <a:schemeClr val="bg1"/>
                </a:solidFill>
              </a:defRPr>
            </a:lvl1pPr>
            <a:lvl2pPr>
              <a:defRPr/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77222AF-D59D-4EB8-BA6C-7217DC916854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48C7CC7-E018-4FAB-A30F-517342292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0029825" y="350901"/>
            <a:ext cx="1600200" cy="6507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2512264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image + tex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BE4A3B4F-5311-4EE8-988B-706C2D0D2446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3962400" cy="6858000"/>
          </a:xfrm>
          <a:custGeom>
            <a:avLst/>
            <a:gdLst>
              <a:gd name="connsiteX0" fmla="*/ 0 w 5283200"/>
              <a:gd name="connsiteY0" fmla="*/ 0 h 9144000"/>
              <a:gd name="connsiteX1" fmla="*/ 3454400 w 5283200"/>
              <a:gd name="connsiteY1" fmla="*/ 0 h 9144000"/>
              <a:gd name="connsiteX2" fmla="*/ 5283200 w 5283200"/>
              <a:gd name="connsiteY2" fmla="*/ 0 h 9144000"/>
              <a:gd name="connsiteX3" fmla="*/ 5283200 w 5283200"/>
              <a:gd name="connsiteY3" fmla="*/ 1828800 h 9144000"/>
              <a:gd name="connsiteX4" fmla="*/ 5283200 w 5283200"/>
              <a:gd name="connsiteY4" fmla="*/ 3657599 h 9144000"/>
              <a:gd name="connsiteX5" fmla="*/ 4368800 w 5283200"/>
              <a:gd name="connsiteY5" fmla="*/ 3657599 h 9144000"/>
              <a:gd name="connsiteX6" fmla="*/ 4368800 w 5283200"/>
              <a:gd name="connsiteY6" fmla="*/ 4571999 h 9144000"/>
              <a:gd name="connsiteX7" fmla="*/ 3454400 w 5283200"/>
              <a:gd name="connsiteY7" fmla="*/ 4571999 h 9144000"/>
              <a:gd name="connsiteX8" fmla="*/ 3454400 w 5283200"/>
              <a:gd name="connsiteY8" fmla="*/ 5486399 h 9144000"/>
              <a:gd name="connsiteX9" fmla="*/ 4368800 w 5283200"/>
              <a:gd name="connsiteY9" fmla="*/ 5486399 h 9144000"/>
              <a:gd name="connsiteX10" fmla="*/ 4368800 w 5283200"/>
              <a:gd name="connsiteY10" fmla="*/ 4571999 h 9144000"/>
              <a:gd name="connsiteX11" fmla="*/ 5283200 w 5283200"/>
              <a:gd name="connsiteY11" fmla="*/ 4571999 h 9144000"/>
              <a:gd name="connsiteX12" fmla="*/ 5283200 w 5283200"/>
              <a:gd name="connsiteY12" fmla="*/ 9143998 h 9144000"/>
              <a:gd name="connsiteX13" fmla="*/ 5283200 w 5283200"/>
              <a:gd name="connsiteY13" fmla="*/ 9144000 h 9144000"/>
              <a:gd name="connsiteX14" fmla="*/ 0 w 5283200"/>
              <a:gd name="connsiteY14" fmla="*/ 9144000 h 9144000"/>
              <a:gd name="connsiteX15" fmla="*/ 0 w 5283200"/>
              <a:gd name="connsiteY15" fmla="*/ 9143998 h 9144000"/>
              <a:gd name="connsiteX16" fmla="*/ 0 w 5283200"/>
              <a:gd name="connsiteY16" fmla="*/ 9143403 h 9144000"/>
              <a:gd name="connsiteX17" fmla="*/ 0 w 5283200"/>
              <a:gd name="connsiteY17" fmla="*/ 8230869 h 914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5283200" h="9144000">
                <a:moveTo>
                  <a:pt x="0" y="0"/>
                </a:moveTo>
                <a:lnTo>
                  <a:pt x="3454400" y="0"/>
                </a:lnTo>
                <a:lnTo>
                  <a:pt x="5283200" y="0"/>
                </a:lnTo>
                <a:lnTo>
                  <a:pt x="5283200" y="1828800"/>
                </a:lnTo>
                <a:lnTo>
                  <a:pt x="5283200" y="3657599"/>
                </a:lnTo>
                <a:lnTo>
                  <a:pt x="4368800" y="3657599"/>
                </a:lnTo>
                <a:lnTo>
                  <a:pt x="4368800" y="4571999"/>
                </a:lnTo>
                <a:lnTo>
                  <a:pt x="3454400" y="4571999"/>
                </a:lnTo>
                <a:lnTo>
                  <a:pt x="3454400" y="5486399"/>
                </a:lnTo>
                <a:lnTo>
                  <a:pt x="4368800" y="5486399"/>
                </a:lnTo>
                <a:lnTo>
                  <a:pt x="4368800" y="4571999"/>
                </a:lnTo>
                <a:lnTo>
                  <a:pt x="5283200" y="4571999"/>
                </a:lnTo>
                <a:lnTo>
                  <a:pt x="5283200" y="9143998"/>
                </a:lnTo>
                <a:lnTo>
                  <a:pt x="5283200" y="9144000"/>
                </a:lnTo>
                <a:lnTo>
                  <a:pt x="0" y="9144000"/>
                </a:lnTo>
                <a:lnTo>
                  <a:pt x="0" y="9143998"/>
                </a:lnTo>
                <a:lnTo>
                  <a:pt x="0" y="9143403"/>
                </a:lnTo>
                <a:lnTo>
                  <a:pt x="0" y="8230869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12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638675" y="697701"/>
            <a:ext cx="5343525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D3720633-DD1E-4523-BB30-553B5199501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638676" y="1989474"/>
            <a:ext cx="6759416" cy="1031693"/>
          </a:xfrm>
        </p:spPr>
        <p:txBody>
          <a:bodyPr wrap="square">
            <a:spAutoFit/>
          </a:bodyPr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70B7646-0E4D-436E-80FB-4FABC82744D0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  <p:pic>
        <p:nvPicPr>
          <p:cNvPr id="7" name="Picture 6" descr="Logo&#10;&#10;Description automatically generated">
            <a:extLst>
              <a:ext uri="{FF2B5EF4-FFF2-40B4-BE49-F238E27FC236}">
                <a16:creationId xmlns:a16="http://schemas.microsoft.com/office/drawing/2014/main" id="{68984761-EEA7-4F86-BCF9-E57D6C0170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29825" y="321563"/>
            <a:ext cx="1600200" cy="7094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618884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rk_Big image + text 2">
    <p:bg>
      <p:bgPr>
        <a:solidFill>
          <a:srgbClr val="222C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BE4A3B4F-5311-4EE8-988B-706C2D0D2446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3962400" cy="6858000"/>
          </a:xfrm>
          <a:custGeom>
            <a:avLst/>
            <a:gdLst>
              <a:gd name="connsiteX0" fmla="*/ 0 w 5283200"/>
              <a:gd name="connsiteY0" fmla="*/ 0 h 9144000"/>
              <a:gd name="connsiteX1" fmla="*/ 3454400 w 5283200"/>
              <a:gd name="connsiteY1" fmla="*/ 0 h 9144000"/>
              <a:gd name="connsiteX2" fmla="*/ 5283200 w 5283200"/>
              <a:gd name="connsiteY2" fmla="*/ 0 h 9144000"/>
              <a:gd name="connsiteX3" fmla="*/ 5283200 w 5283200"/>
              <a:gd name="connsiteY3" fmla="*/ 1828800 h 9144000"/>
              <a:gd name="connsiteX4" fmla="*/ 5283200 w 5283200"/>
              <a:gd name="connsiteY4" fmla="*/ 3657599 h 9144000"/>
              <a:gd name="connsiteX5" fmla="*/ 4368800 w 5283200"/>
              <a:gd name="connsiteY5" fmla="*/ 3657599 h 9144000"/>
              <a:gd name="connsiteX6" fmla="*/ 4368800 w 5283200"/>
              <a:gd name="connsiteY6" fmla="*/ 4571999 h 9144000"/>
              <a:gd name="connsiteX7" fmla="*/ 3454400 w 5283200"/>
              <a:gd name="connsiteY7" fmla="*/ 4571999 h 9144000"/>
              <a:gd name="connsiteX8" fmla="*/ 3454400 w 5283200"/>
              <a:gd name="connsiteY8" fmla="*/ 5486399 h 9144000"/>
              <a:gd name="connsiteX9" fmla="*/ 4368800 w 5283200"/>
              <a:gd name="connsiteY9" fmla="*/ 5486399 h 9144000"/>
              <a:gd name="connsiteX10" fmla="*/ 4368800 w 5283200"/>
              <a:gd name="connsiteY10" fmla="*/ 4571999 h 9144000"/>
              <a:gd name="connsiteX11" fmla="*/ 5283200 w 5283200"/>
              <a:gd name="connsiteY11" fmla="*/ 4571999 h 9144000"/>
              <a:gd name="connsiteX12" fmla="*/ 5283200 w 5283200"/>
              <a:gd name="connsiteY12" fmla="*/ 9143998 h 9144000"/>
              <a:gd name="connsiteX13" fmla="*/ 5283200 w 5283200"/>
              <a:gd name="connsiteY13" fmla="*/ 9144000 h 9144000"/>
              <a:gd name="connsiteX14" fmla="*/ 0 w 5283200"/>
              <a:gd name="connsiteY14" fmla="*/ 9144000 h 9144000"/>
              <a:gd name="connsiteX15" fmla="*/ 0 w 5283200"/>
              <a:gd name="connsiteY15" fmla="*/ 9143998 h 9144000"/>
              <a:gd name="connsiteX16" fmla="*/ 0 w 5283200"/>
              <a:gd name="connsiteY16" fmla="*/ 9143403 h 9144000"/>
              <a:gd name="connsiteX17" fmla="*/ 0 w 5283200"/>
              <a:gd name="connsiteY17" fmla="*/ 8230869 h 914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5283200" h="9144000">
                <a:moveTo>
                  <a:pt x="0" y="0"/>
                </a:moveTo>
                <a:lnTo>
                  <a:pt x="3454400" y="0"/>
                </a:lnTo>
                <a:lnTo>
                  <a:pt x="5283200" y="0"/>
                </a:lnTo>
                <a:lnTo>
                  <a:pt x="5283200" y="1828800"/>
                </a:lnTo>
                <a:lnTo>
                  <a:pt x="5283200" y="3657599"/>
                </a:lnTo>
                <a:lnTo>
                  <a:pt x="4368800" y="3657599"/>
                </a:lnTo>
                <a:lnTo>
                  <a:pt x="4368800" y="4571999"/>
                </a:lnTo>
                <a:lnTo>
                  <a:pt x="3454400" y="4571999"/>
                </a:lnTo>
                <a:lnTo>
                  <a:pt x="3454400" y="5486399"/>
                </a:lnTo>
                <a:lnTo>
                  <a:pt x="4368800" y="5486399"/>
                </a:lnTo>
                <a:lnTo>
                  <a:pt x="4368800" y="4571999"/>
                </a:lnTo>
                <a:lnTo>
                  <a:pt x="5283200" y="4571999"/>
                </a:lnTo>
                <a:lnTo>
                  <a:pt x="5283200" y="9143998"/>
                </a:lnTo>
                <a:lnTo>
                  <a:pt x="5283200" y="9144000"/>
                </a:lnTo>
                <a:lnTo>
                  <a:pt x="0" y="9144000"/>
                </a:lnTo>
                <a:lnTo>
                  <a:pt x="0" y="9143998"/>
                </a:lnTo>
                <a:lnTo>
                  <a:pt x="0" y="9143403"/>
                </a:lnTo>
                <a:lnTo>
                  <a:pt x="0" y="8230869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12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638675" y="697701"/>
            <a:ext cx="5343525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D3720633-DD1E-4523-BB30-553B5199501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638676" y="1989475"/>
            <a:ext cx="6759416" cy="1031693"/>
          </a:xfrm>
        </p:spPr>
        <p:txBody>
          <a:bodyPr wrap="square">
            <a:spAutoFit/>
          </a:bodyPr>
          <a:lstStyle>
            <a:lvl1pPr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70B7646-0E4D-436E-80FB-4FABC82744D0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68984761-EEA7-4F86-BCF9-E57D6C0170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0029825" y="350901"/>
            <a:ext cx="1600200" cy="6507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96264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pics">
    <p:bg>
      <p:bgPr>
        <a:blipFill dpi="0" rotWithShape="1">
          <a:blip r:embed="rId2" cstate="email">
            <a:lum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re 5">
            <a:extLst>
              <a:ext uri="{FF2B5EF4-FFF2-40B4-BE49-F238E27FC236}">
                <a16:creationId xmlns:a16="http://schemas.microsoft.com/office/drawing/2014/main" id="{FEAB13E6-FB75-14C5-6D1F-E639BDA45D9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fr-FR"/>
              <a:t>Title </a:t>
            </a:r>
            <a:endParaRPr lang="en-US"/>
          </a:p>
        </p:txBody>
      </p:sp>
      <p:pic>
        <p:nvPicPr>
          <p:cNvPr id="8" name="Graphique 7">
            <a:extLst>
              <a:ext uri="{FF2B5EF4-FFF2-40B4-BE49-F238E27FC236}">
                <a16:creationId xmlns:a16="http://schemas.microsoft.com/office/drawing/2014/main" id="{F7B4219B-1F8C-DEF1-AFCA-EC10A8B2915B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4214"/>
          </a:xfrm>
          <a:prstGeom prst="rect">
            <a:avLst/>
          </a:prstGeom>
        </p:spPr>
      </p:pic>
      <p:sp>
        <p:nvSpPr>
          <p:cNvPr id="14" name="Espace réservé du texte 13">
            <a:extLst>
              <a:ext uri="{FF2B5EF4-FFF2-40B4-BE49-F238E27FC236}">
                <a16:creationId xmlns:a16="http://schemas.microsoft.com/office/drawing/2014/main" id="{2223CB67-8D8F-B3FB-3DB9-E9BC1FBA708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457103" y="1571483"/>
            <a:ext cx="2507362" cy="1647967"/>
          </a:xfrm>
          <a:ln w="25400">
            <a:solidFill>
              <a:srgbClr val="C4F6EF"/>
            </a:solidFill>
          </a:ln>
        </p:spPr>
        <p:txBody>
          <a:bodyPr anchor="ctr">
            <a:noAutofit/>
          </a:bodyPr>
          <a:lstStyle>
            <a:lvl1pPr algn="ctr">
              <a:lnSpc>
                <a:spcPct val="96000"/>
              </a:lnSpc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fr-FR" err="1"/>
              <a:t>Theme</a:t>
            </a:r>
            <a:r>
              <a:rPr lang="fr-FR"/>
              <a:t> 1</a:t>
            </a:r>
            <a:endParaRPr lang="en-US"/>
          </a:p>
        </p:txBody>
      </p:sp>
      <p:sp>
        <p:nvSpPr>
          <p:cNvPr id="15" name="Espace réservé du texte 13">
            <a:extLst>
              <a:ext uri="{FF2B5EF4-FFF2-40B4-BE49-F238E27FC236}">
                <a16:creationId xmlns:a16="http://schemas.microsoft.com/office/drawing/2014/main" id="{4C13EF28-D6F3-F8D7-81DE-A8E05E09CF1C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842319" y="1571483"/>
            <a:ext cx="2507362" cy="1647967"/>
          </a:xfrm>
          <a:ln w="25400">
            <a:solidFill>
              <a:srgbClr val="C4F6EF"/>
            </a:solidFill>
          </a:ln>
        </p:spPr>
        <p:txBody>
          <a:bodyPr anchor="ctr">
            <a:noAutofit/>
          </a:bodyPr>
          <a:lstStyle>
            <a:lvl1pPr algn="ctr">
              <a:lnSpc>
                <a:spcPct val="96000"/>
              </a:lnSpc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fr-FR" err="1"/>
              <a:t>Theme</a:t>
            </a:r>
            <a:r>
              <a:rPr lang="fr-FR"/>
              <a:t> 2</a:t>
            </a:r>
          </a:p>
        </p:txBody>
      </p:sp>
      <p:sp>
        <p:nvSpPr>
          <p:cNvPr id="16" name="Espace réservé du texte 13">
            <a:extLst>
              <a:ext uri="{FF2B5EF4-FFF2-40B4-BE49-F238E27FC236}">
                <a16:creationId xmlns:a16="http://schemas.microsoft.com/office/drawing/2014/main" id="{1139FFFD-69B0-17D4-2FC0-DFDC1B55CF4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227535" y="1571483"/>
            <a:ext cx="2507362" cy="1647967"/>
          </a:xfrm>
          <a:ln w="25400">
            <a:solidFill>
              <a:srgbClr val="C4F6EF"/>
            </a:solidFill>
          </a:ln>
        </p:spPr>
        <p:txBody>
          <a:bodyPr anchor="ctr">
            <a:noAutofit/>
          </a:bodyPr>
          <a:lstStyle>
            <a:lvl1pPr algn="ctr">
              <a:lnSpc>
                <a:spcPct val="96000"/>
              </a:lnSpc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fr-FR" err="1"/>
              <a:t>Theme</a:t>
            </a:r>
            <a:r>
              <a:rPr lang="fr-FR"/>
              <a:t> 3</a:t>
            </a:r>
          </a:p>
        </p:txBody>
      </p:sp>
      <p:sp>
        <p:nvSpPr>
          <p:cNvPr id="17" name="Espace réservé du texte 13">
            <a:extLst>
              <a:ext uri="{FF2B5EF4-FFF2-40B4-BE49-F238E27FC236}">
                <a16:creationId xmlns:a16="http://schemas.microsoft.com/office/drawing/2014/main" id="{31AA78A9-1F38-B59E-4A8F-FF5B1C05BC4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149711" y="3910200"/>
            <a:ext cx="2507362" cy="1647967"/>
          </a:xfrm>
          <a:ln w="25400">
            <a:solidFill>
              <a:srgbClr val="C4F6EF"/>
            </a:solidFill>
          </a:ln>
        </p:spPr>
        <p:txBody>
          <a:bodyPr anchor="ctr">
            <a:noAutofit/>
          </a:bodyPr>
          <a:lstStyle>
            <a:lvl1pPr algn="ctr">
              <a:lnSpc>
                <a:spcPct val="96000"/>
              </a:lnSpc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fr-FR" err="1"/>
              <a:t>Theme</a:t>
            </a:r>
            <a:r>
              <a:rPr lang="fr-FR"/>
              <a:t> 4</a:t>
            </a:r>
          </a:p>
        </p:txBody>
      </p:sp>
      <p:sp>
        <p:nvSpPr>
          <p:cNvPr id="18" name="Espace réservé du texte 13">
            <a:extLst>
              <a:ext uri="{FF2B5EF4-FFF2-40B4-BE49-F238E27FC236}">
                <a16:creationId xmlns:a16="http://schemas.microsoft.com/office/drawing/2014/main" id="{43A91EC0-8700-1A72-FA9F-45E9288B636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534927" y="3910200"/>
            <a:ext cx="2507362" cy="1647967"/>
          </a:xfrm>
          <a:ln w="25400">
            <a:solidFill>
              <a:srgbClr val="C4F6EF"/>
            </a:solidFill>
          </a:ln>
        </p:spPr>
        <p:txBody>
          <a:bodyPr anchor="ctr">
            <a:noAutofit/>
          </a:bodyPr>
          <a:lstStyle>
            <a:lvl1pPr algn="ctr">
              <a:lnSpc>
                <a:spcPct val="96000"/>
              </a:lnSpc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fr-FR" err="1"/>
              <a:t>Theme</a:t>
            </a:r>
            <a:r>
              <a:rPr lang="fr-FR"/>
              <a:t> 5</a:t>
            </a:r>
          </a:p>
        </p:txBody>
      </p:sp>
      <p:sp>
        <p:nvSpPr>
          <p:cNvPr id="22" name="Espace réservé du numéro de diapositive 21">
            <a:extLst>
              <a:ext uri="{FF2B5EF4-FFF2-40B4-BE49-F238E27FC236}">
                <a16:creationId xmlns:a16="http://schemas.microsoft.com/office/drawing/2014/main" id="{25DB7F54-8A45-AE68-B29E-4CADC934338F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23" name="Espace réservé du texte 32">
            <a:extLst>
              <a:ext uri="{FF2B5EF4-FFF2-40B4-BE49-F238E27FC236}">
                <a16:creationId xmlns:a16="http://schemas.microsoft.com/office/drawing/2014/main" id="{4F623B3A-AEBC-1328-214F-1142B7C9D8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195367" y="6643874"/>
            <a:ext cx="566083" cy="84790"/>
          </a:xfrm>
          <a:custGeom>
            <a:avLst/>
            <a:gdLst>
              <a:gd name="connsiteX0" fmla="*/ 995838 w 1131576"/>
              <a:gd name="connsiteY0" fmla="*/ 121703 h 169580"/>
              <a:gd name="connsiteX1" fmla="*/ 1041084 w 1131576"/>
              <a:gd name="connsiteY1" fmla="*/ 121703 h 169580"/>
              <a:gd name="connsiteX2" fmla="*/ 1041084 w 1131576"/>
              <a:gd name="connsiteY2" fmla="*/ 166948 h 169580"/>
              <a:gd name="connsiteX3" fmla="*/ 995838 w 1131576"/>
              <a:gd name="connsiteY3" fmla="*/ 166948 h 169580"/>
              <a:gd name="connsiteX4" fmla="*/ 316696 w 1131576"/>
              <a:gd name="connsiteY4" fmla="*/ 83649 h 169580"/>
              <a:gd name="connsiteX5" fmla="*/ 288910 w 1131576"/>
              <a:gd name="connsiteY5" fmla="*/ 94521 h 169580"/>
              <a:gd name="connsiteX6" fmla="*/ 345015 w 1131576"/>
              <a:gd name="connsiteY6" fmla="*/ 94521 h 169580"/>
              <a:gd name="connsiteX7" fmla="*/ 316696 w 1131576"/>
              <a:gd name="connsiteY7" fmla="*/ 83649 h 169580"/>
              <a:gd name="connsiteX8" fmla="*/ 539645 w 1131576"/>
              <a:gd name="connsiteY8" fmla="*/ 57092 h 169580"/>
              <a:gd name="connsiteX9" fmla="*/ 584890 w 1131576"/>
              <a:gd name="connsiteY9" fmla="*/ 57092 h 169580"/>
              <a:gd name="connsiteX10" fmla="*/ 584890 w 1131576"/>
              <a:gd name="connsiteY10" fmla="*/ 102870 h 169580"/>
              <a:gd name="connsiteX11" fmla="*/ 611118 w 1131576"/>
              <a:gd name="connsiteY11" fmla="*/ 129466 h 169580"/>
              <a:gd name="connsiteX12" fmla="*/ 646038 w 1131576"/>
              <a:gd name="connsiteY12" fmla="*/ 115718 h 169580"/>
              <a:gd name="connsiteX13" fmla="*/ 646038 w 1131576"/>
              <a:gd name="connsiteY13" fmla="*/ 57092 h 169580"/>
              <a:gd name="connsiteX14" fmla="*/ 691284 w 1131576"/>
              <a:gd name="connsiteY14" fmla="*/ 57092 h 169580"/>
              <a:gd name="connsiteX15" fmla="*/ 691284 w 1131576"/>
              <a:gd name="connsiteY15" fmla="*/ 166894 h 169580"/>
              <a:gd name="connsiteX16" fmla="*/ 646038 w 1131576"/>
              <a:gd name="connsiteY16" fmla="*/ 166894 h 169580"/>
              <a:gd name="connsiteX17" fmla="*/ 646038 w 1131576"/>
              <a:gd name="connsiteY17" fmla="*/ 151170 h 169580"/>
              <a:gd name="connsiteX18" fmla="*/ 593570 w 1131576"/>
              <a:gd name="connsiteY18" fmla="*/ 167451 h 169580"/>
              <a:gd name="connsiteX19" fmla="*/ 539645 w 1131576"/>
              <a:gd name="connsiteY19" fmla="*/ 120596 h 169580"/>
              <a:gd name="connsiteX20" fmla="*/ 0 w 1131576"/>
              <a:gd name="connsiteY20" fmla="*/ 57092 h 169580"/>
              <a:gd name="connsiteX21" fmla="*/ 45258 w 1131576"/>
              <a:gd name="connsiteY21" fmla="*/ 57092 h 169580"/>
              <a:gd name="connsiteX22" fmla="*/ 45258 w 1131576"/>
              <a:gd name="connsiteY22" fmla="*/ 166894 h 169580"/>
              <a:gd name="connsiteX23" fmla="*/ 0 w 1131576"/>
              <a:gd name="connsiteY23" fmla="*/ 166894 h 169580"/>
              <a:gd name="connsiteX24" fmla="*/ 168389 w 1131576"/>
              <a:gd name="connsiteY24" fmla="*/ 56041 h 169580"/>
              <a:gd name="connsiteX25" fmla="*/ 222276 w 1131576"/>
              <a:gd name="connsiteY25" fmla="*/ 105012 h 169580"/>
              <a:gd name="connsiteX26" fmla="*/ 222276 w 1131576"/>
              <a:gd name="connsiteY26" fmla="*/ 166894 h 169580"/>
              <a:gd name="connsiteX27" fmla="*/ 177031 w 1131576"/>
              <a:gd name="connsiteY27" fmla="*/ 166894 h 169580"/>
              <a:gd name="connsiteX28" fmla="*/ 177031 w 1131576"/>
              <a:gd name="connsiteY28" fmla="*/ 123346 h 169580"/>
              <a:gd name="connsiteX29" fmla="*/ 150106 w 1131576"/>
              <a:gd name="connsiteY29" fmla="*/ 95636 h 169580"/>
              <a:gd name="connsiteX30" fmla="*/ 113704 w 1131576"/>
              <a:gd name="connsiteY30" fmla="*/ 109966 h 169580"/>
              <a:gd name="connsiteX31" fmla="*/ 113704 w 1131576"/>
              <a:gd name="connsiteY31" fmla="*/ 166894 h 169580"/>
              <a:gd name="connsiteX32" fmla="*/ 68471 w 1131576"/>
              <a:gd name="connsiteY32" fmla="*/ 166894 h 169580"/>
              <a:gd name="connsiteX33" fmla="*/ 68471 w 1131576"/>
              <a:gd name="connsiteY33" fmla="*/ 57092 h 169580"/>
              <a:gd name="connsiteX34" fmla="*/ 113704 w 1131576"/>
              <a:gd name="connsiteY34" fmla="*/ 57092 h 169580"/>
              <a:gd name="connsiteX35" fmla="*/ 113704 w 1131576"/>
              <a:gd name="connsiteY35" fmla="*/ 73019 h 169580"/>
              <a:gd name="connsiteX36" fmla="*/ 168389 w 1131576"/>
              <a:gd name="connsiteY36" fmla="*/ 56041 h 169580"/>
              <a:gd name="connsiteX37" fmla="*/ 809118 w 1131576"/>
              <a:gd name="connsiteY37" fmla="*/ 55357 h 169580"/>
              <a:gd name="connsiteX38" fmla="*/ 850272 w 1131576"/>
              <a:gd name="connsiteY38" fmla="*/ 76503 h 169580"/>
              <a:gd name="connsiteX39" fmla="*/ 903830 w 1131576"/>
              <a:gd name="connsiteY39" fmla="*/ 55357 h 169580"/>
              <a:gd name="connsiteX40" fmla="*/ 950545 w 1131576"/>
              <a:gd name="connsiteY40" fmla="*/ 100881 h 169580"/>
              <a:gd name="connsiteX41" fmla="*/ 950545 w 1131576"/>
              <a:gd name="connsiteY41" fmla="*/ 166894 h 169580"/>
              <a:gd name="connsiteX42" fmla="*/ 905299 w 1131576"/>
              <a:gd name="connsiteY42" fmla="*/ 166894 h 169580"/>
              <a:gd name="connsiteX43" fmla="*/ 905299 w 1131576"/>
              <a:gd name="connsiteY43" fmla="*/ 120634 h 169580"/>
              <a:gd name="connsiteX44" fmla="*/ 884266 w 1131576"/>
              <a:gd name="connsiteY44" fmla="*/ 93748 h 169580"/>
              <a:gd name="connsiteX45" fmla="*/ 855758 w 1131576"/>
              <a:gd name="connsiteY45" fmla="*/ 106494 h 169580"/>
              <a:gd name="connsiteX46" fmla="*/ 855821 w 1131576"/>
              <a:gd name="connsiteY46" fmla="*/ 166894 h 169580"/>
              <a:gd name="connsiteX47" fmla="*/ 810575 w 1131576"/>
              <a:gd name="connsiteY47" fmla="*/ 166894 h 169580"/>
              <a:gd name="connsiteX48" fmla="*/ 810575 w 1131576"/>
              <a:gd name="connsiteY48" fmla="*/ 120634 h 169580"/>
              <a:gd name="connsiteX49" fmla="*/ 789543 w 1131576"/>
              <a:gd name="connsiteY49" fmla="*/ 93748 h 169580"/>
              <a:gd name="connsiteX50" fmla="*/ 759742 w 1131576"/>
              <a:gd name="connsiteY50" fmla="*/ 107647 h 169580"/>
              <a:gd name="connsiteX51" fmla="*/ 759742 w 1131576"/>
              <a:gd name="connsiteY51" fmla="*/ 166894 h 169580"/>
              <a:gd name="connsiteX52" fmla="*/ 714496 w 1131576"/>
              <a:gd name="connsiteY52" fmla="*/ 166881 h 169580"/>
              <a:gd name="connsiteX53" fmla="*/ 714496 w 1131576"/>
              <a:gd name="connsiteY53" fmla="*/ 57092 h 169580"/>
              <a:gd name="connsiteX54" fmla="*/ 759742 w 1131576"/>
              <a:gd name="connsiteY54" fmla="*/ 57092 h 169580"/>
              <a:gd name="connsiteX55" fmla="*/ 759742 w 1131576"/>
              <a:gd name="connsiteY55" fmla="*/ 75464 h 169580"/>
              <a:gd name="connsiteX56" fmla="*/ 809118 w 1131576"/>
              <a:gd name="connsiteY56" fmla="*/ 55357 h 169580"/>
              <a:gd name="connsiteX57" fmla="*/ 316950 w 1131576"/>
              <a:gd name="connsiteY57" fmla="*/ 54394 h 169580"/>
              <a:gd name="connsiteX58" fmla="*/ 392364 w 1131576"/>
              <a:gd name="connsiteY58" fmla="*/ 119431 h 169580"/>
              <a:gd name="connsiteX59" fmla="*/ 286667 w 1131576"/>
              <a:gd name="connsiteY59" fmla="*/ 119431 h 169580"/>
              <a:gd name="connsiteX60" fmla="*/ 315087 w 1131576"/>
              <a:gd name="connsiteY60" fmla="*/ 134293 h 169580"/>
              <a:gd name="connsiteX61" fmla="*/ 340251 w 1131576"/>
              <a:gd name="connsiteY61" fmla="*/ 130340 h 169580"/>
              <a:gd name="connsiteX62" fmla="*/ 389475 w 1131576"/>
              <a:gd name="connsiteY62" fmla="*/ 130340 h 169580"/>
              <a:gd name="connsiteX63" fmla="*/ 315087 w 1131576"/>
              <a:gd name="connsiteY63" fmla="*/ 169580 h 169580"/>
              <a:gd name="connsiteX64" fmla="*/ 241143 w 1131576"/>
              <a:gd name="connsiteY64" fmla="*/ 111993 h 169580"/>
              <a:gd name="connsiteX65" fmla="*/ 316950 w 1131576"/>
              <a:gd name="connsiteY65" fmla="*/ 54394 h 169580"/>
              <a:gd name="connsiteX66" fmla="*/ 1041084 w 1131576"/>
              <a:gd name="connsiteY66" fmla="*/ 31198 h 169580"/>
              <a:gd name="connsiteX67" fmla="*/ 1131576 w 1131576"/>
              <a:gd name="connsiteY67" fmla="*/ 31198 h 169580"/>
              <a:gd name="connsiteX68" fmla="*/ 1131576 w 1131576"/>
              <a:gd name="connsiteY68" fmla="*/ 121703 h 169580"/>
              <a:gd name="connsiteX69" fmla="*/ 1086330 w 1131576"/>
              <a:gd name="connsiteY69" fmla="*/ 121703 h 169580"/>
              <a:gd name="connsiteX70" fmla="*/ 1086330 w 1131576"/>
              <a:gd name="connsiteY70" fmla="*/ 76457 h 169580"/>
              <a:gd name="connsiteX71" fmla="*/ 1041084 w 1131576"/>
              <a:gd name="connsiteY71" fmla="*/ 76457 h 169580"/>
              <a:gd name="connsiteX72" fmla="*/ 428918 w 1131576"/>
              <a:gd name="connsiteY72" fmla="*/ 22629 h 169580"/>
              <a:gd name="connsiteX73" fmla="*/ 474164 w 1131576"/>
              <a:gd name="connsiteY73" fmla="*/ 22629 h 169580"/>
              <a:gd name="connsiteX74" fmla="*/ 474164 w 1131576"/>
              <a:gd name="connsiteY74" fmla="*/ 57092 h 169580"/>
              <a:gd name="connsiteX75" fmla="*/ 519410 w 1131576"/>
              <a:gd name="connsiteY75" fmla="*/ 57092 h 169580"/>
              <a:gd name="connsiteX76" fmla="*/ 519410 w 1131576"/>
              <a:gd name="connsiteY76" fmla="*/ 93773 h 169580"/>
              <a:gd name="connsiteX77" fmla="*/ 474164 w 1131576"/>
              <a:gd name="connsiteY77" fmla="*/ 93773 h 169580"/>
              <a:gd name="connsiteX78" fmla="*/ 474164 w 1131576"/>
              <a:gd name="connsiteY78" fmla="*/ 130086 h 169580"/>
              <a:gd name="connsiteX79" fmla="*/ 519410 w 1131576"/>
              <a:gd name="connsiteY79" fmla="*/ 130086 h 169580"/>
              <a:gd name="connsiteX80" fmla="*/ 519410 w 1131576"/>
              <a:gd name="connsiteY80" fmla="*/ 166894 h 169580"/>
              <a:gd name="connsiteX81" fmla="*/ 428918 w 1131576"/>
              <a:gd name="connsiteY81" fmla="*/ 166894 h 169580"/>
              <a:gd name="connsiteX82" fmla="*/ 428918 w 1131576"/>
              <a:gd name="connsiteY82" fmla="*/ 93773 h 169580"/>
              <a:gd name="connsiteX83" fmla="*/ 404629 w 1131576"/>
              <a:gd name="connsiteY83" fmla="*/ 93773 h 169580"/>
              <a:gd name="connsiteX84" fmla="*/ 404629 w 1131576"/>
              <a:gd name="connsiteY84" fmla="*/ 57092 h 169580"/>
              <a:gd name="connsiteX85" fmla="*/ 428918 w 1131576"/>
              <a:gd name="connsiteY85" fmla="*/ 57092 h 169580"/>
              <a:gd name="connsiteX86" fmla="*/ 0 w 1131576"/>
              <a:gd name="connsiteY86" fmla="*/ 0 h 169580"/>
              <a:gd name="connsiteX87" fmla="*/ 45258 w 1131576"/>
              <a:gd name="connsiteY87" fmla="*/ 0 h 169580"/>
              <a:gd name="connsiteX88" fmla="*/ 45258 w 1131576"/>
              <a:gd name="connsiteY88" fmla="*/ 45246 h 169580"/>
              <a:gd name="connsiteX89" fmla="*/ 0 w 1131576"/>
              <a:gd name="connsiteY89" fmla="*/ 45246 h 1695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</a:cxnLst>
            <a:rect l="l" t="t" r="r" b="b"/>
            <a:pathLst>
              <a:path w="1131576" h="169580">
                <a:moveTo>
                  <a:pt x="995838" y="121703"/>
                </a:moveTo>
                <a:lnTo>
                  <a:pt x="1041084" y="121703"/>
                </a:lnTo>
                <a:lnTo>
                  <a:pt x="1041084" y="166948"/>
                </a:lnTo>
                <a:lnTo>
                  <a:pt x="995838" y="166948"/>
                </a:lnTo>
                <a:close/>
                <a:moveTo>
                  <a:pt x="316696" y="83649"/>
                </a:moveTo>
                <a:cubicBezTo>
                  <a:pt x="304799" y="83649"/>
                  <a:pt x="293725" y="87096"/>
                  <a:pt x="288910" y="94521"/>
                </a:cubicBezTo>
                <a:lnTo>
                  <a:pt x="345015" y="94521"/>
                </a:lnTo>
                <a:cubicBezTo>
                  <a:pt x="339794" y="87096"/>
                  <a:pt x="328594" y="83649"/>
                  <a:pt x="316696" y="83649"/>
                </a:cubicBezTo>
                <a:close/>
                <a:moveTo>
                  <a:pt x="539645" y="57092"/>
                </a:moveTo>
                <a:lnTo>
                  <a:pt x="584890" y="57092"/>
                </a:lnTo>
                <a:lnTo>
                  <a:pt x="584890" y="102870"/>
                </a:lnTo>
                <a:cubicBezTo>
                  <a:pt x="584890" y="121509"/>
                  <a:pt x="591580" y="129466"/>
                  <a:pt x="611118" y="129466"/>
                </a:cubicBezTo>
                <a:cubicBezTo>
                  <a:pt x="623966" y="129466"/>
                  <a:pt x="637536" y="123853"/>
                  <a:pt x="646038" y="115718"/>
                </a:cubicBezTo>
                <a:lnTo>
                  <a:pt x="646038" y="57092"/>
                </a:lnTo>
                <a:lnTo>
                  <a:pt x="691284" y="57092"/>
                </a:lnTo>
                <a:lnTo>
                  <a:pt x="691284" y="166894"/>
                </a:lnTo>
                <a:lnTo>
                  <a:pt x="646038" y="166894"/>
                </a:lnTo>
                <a:lnTo>
                  <a:pt x="646038" y="151170"/>
                </a:lnTo>
                <a:cubicBezTo>
                  <a:pt x="633013" y="160217"/>
                  <a:pt x="616364" y="167451"/>
                  <a:pt x="593570" y="167451"/>
                </a:cubicBezTo>
                <a:cubicBezTo>
                  <a:pt x="569141" y="167451"/>
                  <a:pt x="539645" y="159862"/>
                  <a:pt x="539645" y="120596"/>
                </a:cubicBezTo>
                <a:close/>
                <a:moveTo>
                  <a:pt x="0" y="57092"/>
                </a:moveTo>
                <a:lnTo>
                  <a:pt x="45258" y="57092"/>
                </a:lnTo>
                <a:lnTo>
                  <a:pt x="45258" y="166894"/>
                </a:lnTo>
                <a:lnTo>
                  <a:pt x="0" y="166894"/>
                </a:lnTo>
                <a:close/>
                <a:moveTo>
                  <a:pt x="168389" y="56041"/>
                </a:moveTo>
                <a:cubicBezTo>
                  <a:pt x="193844" y="56041"/>
                  <a:pt x="222276" y="64099"/>
                  <a:pt x="222276" y="105012"/>
                </a:cubicBezTo>
                <a:lnTo>
                  <a:pt x="222276" y="166894"/>
                </a:lnTo>
                <a:lnTo>
                  <a:pt x="177031" y="166894"/>
                </a:lnTo>
                <a:lnTo>
                  <a:pt x="177031" y="123346"/>
                </a:lnTo>
                <a:cubicBezTo>
                  <a:pt x="177031" y="103935"/>
                  <a:pt x="170455" y="95636"/>
                  <a:pt x="150106" y="95636"/>
                </a:cubicBezTo>
                <a:cubicBezTo>
                  <a:pt x="136713" y="95636"/>
                  <a:pt x="122573" y="101489"/>
                  <a:pt x="113704" y="109966"/>
                </a:cubicBezTo>
                <a:lnTo>
                  <a:pt x="113704" y="166894"/>
                </a:lnTo>
                <a:lnTo>
                  <a:pt x="68471" y="166894"/>
                </a:lnTo>
                <a:lnTo>
                  <a:pt x="68471" y="57092"/>
                </a:lnTo>
                <a:lnTo>
                  <a:pt x="113704" y="57092"/>
                </a:lnTo>
                <a:lnTo>
                  <a:pt x="113704" y="73019"/>
                </a:lnTo>
                <a:cubicBezTo>
                  <a:pt x="127287" y="63580"/>
                  <a:pt x="144632" y="56041"/>
                  <a:pt x="168389" y="56041"/>
                </a:cubicBezTo>
                <a:close/>
                <a:moveTo>
                  <a:pt x="809118" y="55357"/>
                </a:moveTo>
                <a:cubicBezTo>
                  <a:pt x="822828" y="55357"/>
                  <a:pt x="841681" y="60399"/>
                  <a:pt x="850272" y="76503"/>
                </a:cubicBezTo>
                <a:cubicBezTo>
                  <a:pt x="861244" y="63757"/>
                  <a:pt x="877133" y="55357"/>
                  <a:pt x="903830" y="55357"/>
                </a:cubicBezTo>
                <a:cubicBezTo>
                  <a:pt x="923038" y="55357"/>
                  <a:pt x="950545" y="63035"/>
                  <a:pt x="950545" y="100881"/>
                </a:cubicBezTo>
                <a:lnTo>
                  <a:pt x="950545" y="166894"/>
                </a:lnTo>
                <a:lnTo>
                  <a:pt x="905299" y="166894"/>
                </a:lnTo>
                <a:lnTo>
                  <a:pt x="905299" y="120634"/>
                </a:lnTo>
                <a:cubicBezTo>
                  <a:pt x="905299" y="101793"/>
                  <a:pt x="900358" y="93748"/>
                  <a:pt x="884266" y="93748"/>
                </a:cubicBezTo>
                <a:cubicBezTo>
                  <a:pt x="873117" y="93748"/>
                  <a:pt x="865083" y="97359"/>
                  <a:pt x="855758" y="106494"/>
                </a:cubicBezTo>
                <a:lnTo>
                  <a:pt x="855821" y="166894"/>
                </a:lnTo>
                <a:lnTo>
                  <a:pt x="810575" y="166894"/>
                </a:lnTo>
                <a:lnTo>
                  <a:pt x="810575" y="120634"/>
                </a:lnTo>
                <a:cubicBezTo>
                  <a:pt x="810575" y="101793"/>
                  <a:pt x="805634" y="93748"/>
                  <a:pt x="789543" y="93748"/>
                </a:cubicBezTo>
                <a:cubicBezTo>
                  <a:pt x="778393" y="93748"/>
                  <a:pt x="769067" y="98512"/>
                  <a:pt x="759742" y="107647"/>
                </a:cubicBezTo>
                <a:lnTo>
                  <a:pt x="759742" y="166894"/>
                </a:lnTo>
                <a:lnTo>
                  <a:pt x="714496" y="166881"/>
                </a:lnTo>
                <a:lnTo>
                  <a:pt x="714496" y="57092"/>
                </a:lnTo>
                <a:lnTo>
                  <a:pt x="759742" y="57092"/>
                </a:lnTo>
                <a:lnTo>
                  <a:pt x="759742" y="75464"/>
                </a:lnTo>
                <a:cubicBezTo>
                  <a:pt x="769435" y="66316"/>
                  <a:pt x="782422" y="55357"/>
                  <a:pt x="809118" y="55357"/>
                </a:cubicBezTo>
                <a:close/>
                <a:moveTo>
                  <a:pt x="316950" y="54394"/>
                </a:moveTo>
                <a:cubicBezTo>
                  <a:pt x="362842" y="54394"/>
                  <a:pt x="392364" y="70751"/>
                  <a:pt x="392364" y="119431"/>
                </a:cubicBezTo>
                <a:lnTo>
                  <a:pt x="286667" y="119431"/>
                </a:lnTo>
                <a:cubicBezTo>
                  <a:pt x="290380" y="131315"/>
                  <a:pt x="302822" y="134293"/>
                  <a:pt x="315087" y="134293"/>
                </a:cubicBezTo>
                <a:cubicBezTo>
                  <a:pt x="327162" y="134293"/>
                  <a:pt x="333839" y="133672"/>
                  <a:pt x="340251" y="130340"/>
                </a:cubicBezTo>
                <a:lnTo>
                  <a:pt x="389475" y="130340"/>
                </a:lnTo>
                <a:cubicBezTo>
                  <a:pt x="382316" y="156694"/>
                  <a:pt x="358483" y="169580"/>
                  <a:pt x="315087" y="169580"/>
                </a:cubicBezTo>
                <a:cubicBezTo>
                  <a:pt x="271425" y="169580"/>
                  <a:pt x="241143" y="153235"/>
                  <a:pt x="241143" y="111993"/>
                </a:cubicBezTo>
                <a:cubicBezTo>
                  <a:pt x="241143" y="70751"/>
                  <a:pt x="271425" y="54394"/>
                  <a:pt x="316950" y="54394"/>
                </a:cubicBezTo>
                <a:close/>
                <a:moveTo>
                  <a:pt x="1041084" y="31198"/>
                </a:moveTo>
                <a:lnTo>
                  <a:pt x="1131576" y="31198"/>
                </a:lnTo>
                <a:lnTo>
                  <a:pt x="1131576" y="121703"/>
                </a:lnTo>
                <a:lnTo>
                  <a:pt x="1086330" y="121703"/>
                </a:lnTo>
                <a:lnTo>
                  <a:pt x="1086330" y="76457"/>
                </a:lnTo>
                <a:lnTo>
                  <a:pt x="1041084" y="76457"/>
                </a:lnTo>
                <a:close/>
                <a:moveTo>
                  <a:pt x="428918" y="22629"/>
                </a:moveTo>
                <a:lnTo>
                  <a:pt x="474164" y="22629"/>
                </a:lnTo>
                <a:lnTo>
                  <a:pt x="474164" y="57092"/>
                </a:lnTo>
                <a:lnTo>
                  <a:pt x="519410" y="57092"/>
                </a:lnTo>
                <a:lnTo>
                  <a:pt x="519410" y="93773"/>
                </a:lnTo>
                <a:lnTo>
                  <a:pt x="474164" y="93773"/>
                </a:lnTo>
                <a:lnTo>
                  <a:pt x="474164" y="130086"/>
                </a:lnTo>
                <a:lnTo>
                  <a:pt x="519410" y="130086"/>
                </a:lnTo>
                <a:lnTo>
                  <a:pt x="519410" y="166894"/>
                </a:lnTo>
                <a:lnTo>
                  <a:pt x="428918" y="166894"/>
                </a:lnTo>
                <a:lnTo>
                  <a:pt x="428918" y="93773"/>
                </a:lnTo>
                <a:lnTo>
                  <a:pt x="404629" y="93773"/>
                </a:lnTo>
                <a:lnTo>
                  <a:pt x="404629" y="57092"/>
                </a:lnTo>
                <a:lnTo>
                  <a:pt x="428918" y="57092"/>
                </a:lnTo>
                <a:close/>
                <a:moveTo>
                  <a:pt x="0" y="0"/>
                </a:moveTo>
                <a:lnTo>
                  <a:pt x="45258" y="0"/>
                </a:lnTo>
                <a:lnTo>
                  <a:pt x="45258" y="45246"/>
                </a:lnTo>
                <a:lnTo>
                  <a:pt x="0" y="4524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" name="Espace réservé du pied de page 1">
            <a:extLst>
              <a:ext uri="{FF2B5EF4-FFF2-40B4-BE49-F238E27FC236}">
                <a16:creationId xmlns:a16="http://schemas.microsoft.com/office/drawing/2014/main" id="{57D9CF5F-C223-5B20-8006-ED4F0E4B620D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0913920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act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Espace réservé du texte 18">
            <a:extLst>
              <a:ext uri="{FF2B5EF4-FFF2-40B4-BE49-F238E27FC236}">
                <a16:creationId xmlns:a16="http://schemas.microsoft.com/office/drawing/2014/main" id="{C8D097F0-70D9-5DD3-606F-376F38243981}"/>
              </a:ext>
            </a:extLst>
          </p:cNvPr>
          <p:cNvSpPr txBox="1">
            <a:spLocks/>
          </p:cNvSpPr>
          <p:nvPr userDrawn="1"/>
        </p:nvSpPr>
        <p:spPr>
          <a:xfrm>
            <a:off x="11766371" y="6432591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rgbClr val="C4F6EF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234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ClrTx/>
              <a:buFont typeface="Wingdings" panose="05000000000000000000" pitchFamily="2" charset="2"/>
              <a:buChar char="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360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Poppins" panose="00000500000000000000" pitchFamily="2" charset="0"/>
              <a:buChar char="–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2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lang="fr-FR" sz="1200" b="1" kern="1200" cap="none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5pPr>
            <a:lvl6pPr marL="114300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4859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7145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9431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fr-FR"/>
              <a:t>.</a:t>
            </a:r>
          </a:p>
        </p:txBody>
      </p:sp>
      <p:sp>
        <p:nvSpPr>
          <p:cNvPr id="3" name="Titre 2">
            <a:extLst>
              <a:ext uri="{FF2B5EF4-FFF2-40B4-BE49-F238E27FC236}">
                <a16:creationId xmlns:a16="http://schemas.microsoft.com/office/drawing/2014/main" id="{3FD9AAD8-B995-51BE-2600-C1B23F3294B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330" y="380016"/>
            <a:ext cx="6778849" cy="30104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fr-FR"/>
              <a:t>Contact</a:t>
            </a:r>
          </a:p>
        </p:txBody>
      </p:sp>
      <p:pic>
        <p:nvPicPr>
          <p:cNvPr id="9" name="Graphique 8">
            <a:extLst>
              <a:ext uri="{FF2B5EF4-FFF2-40B4-BE49-F238E27FC236}">
                <a16:creationId xmlns:a16="http://schemas.microsoft.com/office/drawing/2014/main" id="{94BE0BE5-6760-DC4B-35AF-6C907A40C2E7}"/>
              </a:ext>
            </a:extLst>
          </p:cNvPr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95364" y="6643893"/>
            <a:ext cx="567295" cy="85525"/>
          </a:xfrm>
          <a:prstGeom prst="rect">
            <a:avLst/>
          </a:prstGeom>
        </p:spPr>
      </p:pic>
      <p:sp>
        <p:nvSpPr>
          <p:cNvPr id="11" name="Espace réservé du numéro de diapositive 10">
            <a:extLst>
              <a:ext uri="{FF2B5EF4-FFF2-40B4-BE49-F238E27FC236}">
                <a16:creationId xmlns:a16="http://schemas.microsoft.com/office/drawing/2014/main" id="{2BEE01FC-DAFF-17F4-C9D5-78192583F50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15" name="Sous-titre 2">
            <a:extLst>
              <a:ext uri="{FF2B5EF4-FFF2-40B4-BE49-F238E27FC236}">
                <a16:creationId xmlns:a16="http://schemas.microsoft.com/office/drawing/2014/main" id="{2D3C446E-F737-82EB-6424-62FBE688BDE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920567" y="2822113"/>
            <a:ext cx="6265026" cy="750783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lang="fr-FR" sz="5740" b="0" kern="1200" smtClean="0">
                <a:ln w="21590">
                  <a:noFill/>
                </a:ln>
                <a:solidFill>
                  <a:schemeClr val="bg1"/>
                </a:solidFill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  <a:lvl2pPr marL="228600" indent="0" algn="ctr">
              <a:buNone/>
              <a:defRPr sz="1000"/>
            </a:lvl2pPr>
            <a:lvl3pPr marL="457200" indent="0" algn="ctr">
              <a:buNone/>
              <a:defRPr sz="900"/>
            </a:lvl3pPr>
            <a:lvl4pPr marL="685800" indent="0" algn="ctr">
              <a:buNone/>
              <a:defRPr sz="800"/>
            </a:lvl4pPr>
            <a:lvl5pPr marL="914400" indent="0" algn="ctr">
              <a:buNone/>
              <a:defRPr sz="800"/>
            </a:lvl5pPr>
            <a:lvl6pPr marL="1143000" indent="0" algn="ctr">
              <a:buNone/>
              <a:defRPr sz="800"/>
            </a:lvl6pPr>
            <a:lvl7pPr marL="1371600" indent="0" algn="ctr">
              <a:buNone/>
              <a:defRPr sz="800"/>
            </a:lvl7pPr>
            <a:lvl8pPr marL="1600200" indent="0" algn="ctr">
              <a:buNone/>
              <a:defRPr sz="800"/>
            </a:lvl8pPr>
            <a:lvl9pPr marL="1828800" indent="0" algn="ctr">
              <a:buNone/>
              <a:defRPr sz="800"/>
            </a:lvl9pPr>
          </a:lstStyle>
          <a:p>
            <a:r>
              <a:rPr lang="fr-FR"/>
              <a:t>Contact Name</a:t>
            </a:r>
          </a:p>
        </p:txBody>
      </p:sp>
      <p:sp>
        <p:nvSpPr>
          <p:cNvPr id="16" name="Espace réservé du texte 10">
            <a:extLst>
              <a:ext uri="{FF2B5EF4-FFF2-40B4-BE49-F238E27FC236}">
                <a16:creationId xmlns:a16="http://schemas.microsoft.com/office/drawing/2014/main" id="{B5186CB3-8774-A149-A0C1-057AA9060A9C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>
            <a:off x="920567" y="3676660"/>
            <a:ext cx="6331735" cy="438005"/>
          </a:xfrm>
        </p:spPr>
        <p:txBody>
          <a:bodyPr/>
          <a:lstStyle>
            <a:lvl1pPr>
              <a:defRPr lang="fr-FR" sz="2825" b="0" kern="1200" smtClean="0">
                <a:ln w="21590">
                  <a:noFill/>
                </a:ln>
                <a:solidFill>
                  <a:schemeClr val="bg1"/>
                </a:solidFill>
                <a:latin typeface="Poppins Light" panose="00000400000000000000" pitchFamily="2" charset="0"/>
                <a:ea typeface="+mj-ea"/>
                <a:cs typeface="Poppins Light" panose="00000400000000000000" pitchFamily="2" charset="0"/>
              </a:defRPr>
            </a:lvl1pPr>
            <a:lvl2pPr marL="0" indent="0">
              <a:lnSpc>
                <a:spcPct val="80000"/>
              </a:lnSpc>
              <a:buNone/>
              <a:defRPr lang="fr-FR" sz="2825" b="0" kern="1200" smtClean="0">
                <a:ln w="21590">
                  <a:noFill/>
                </a:ln>
                <a:solidFill>
                  <a:schemeClr val="bg1"/>
                </a:solidFill>
                <a:latin typeface="Poppins Light" panose="00000400000000000000" pitchFamily="2" charset="0"/>
                <a:ea typeface="+mj-ea"/>
                <a:cs typeface="Poppins Light" panose="00000400000000000000" pitchFamily="2" charset="0"/>
              </a:defRPr>
            </a:lvl2pPr>
          </a:lstStyle>
          <a:p>
            <a:pPr lvl="0"/>
            <a:r>
              <a:rPr lang="fr-FR"/>
              <a:t>Job description</a:t>
            </a:r>
          </a:p>
        </p:txBody>
      </p:sp>
      <p:sp>
        <p:nvSpPr>
          <p:cNvPr id="17" name="Espace réservé pour une image  24">
            <a:extLst>
              <a:ext uri="{FF2B5EF4-FFF2-40B4-BE49-F238E27FC236}">
                <a16:creationId xmlns:a16="http://schemas.microsoft.com/office/drawing/2014/main" id="{4032F36A-BBAD-915E-C993-3CABDEF89D6A}"/>
              </a:ext>
            </a:extLst>
          </p:cNvPr>
          <p:cNvSpPr>
            <a:spLocks noGrp="1"/>
          </p:cNvSpPr>
          <p:nvPr>
            <p:ph type="pic" sz="quarter" idx="51"/>
          </p:nvPr>
        </p:nvSpPr>
        <p:spPr>
          <a:xfrm>
            <a:off x="7559896" y="469550"/>
            <a:ext cx="4199787" cy="5914800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18" name="Espace réservé du texte 17">
            <a:extLst>
              <a:ext uri="{FF2B5EF4-FFF2-40B4-BE49-F238E27FC236}">
                <a16:creationId xmlns:a16="http://schemas.microsoft.com/office/drawing/2014/main" id="{8FA6DD9D-3FCA-357B-50B8-7A2D9E645F9A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10914561" y="465853"/>
            <a:ext cx="845228" cy="844680"/>
          </a:xfrm>
          <a:custGeom>
            <a:avLst/>
            <a:gdLst>
              <a:gd name="connsiteX0" fmla="*/ 838762 w 1689576"/>
              <a:gd name="connsiteY0" fmla="*/ 0 h 1689360"/>
              <a:gd name="connsiteX1" fmla="*/ 1689576 w 1689576"/>
              <a:gd name="connsiteY1" fmla="*/ 0 h 1689360"/>
              <a:gd name="connsiteX2" fmla="*/ 1689576 w 1689576"/>
              <a:gd name="connsiteY2" fmla="*/ 850801 h 1689360"/>
              <a:gd name="connsiteX3" fmla="*/ 1689044 w 1689576"/>
              <a:gd name="connsiteY3" fmla="*/ 850801 h 1689360"/>
              <a:gd name="connsiteX4" fmla="*/ 1689044 w 1689576"/>
              <a:gd name="connsiteY4" fmla="*/ 1689360 h 1689360"/>
              <a:gd name="connsiteX5" fmla="*/ 838228 w 1689576"/>
              <a:gd name="connsiteY5" fmla="*/ 1689360 h 1689360"/>
              <a:gd name="connsiteX6" fmla="*/ 838228 w 1689576"/>
              <a:gd name="connsiteY6" fmla="*/ 851132 h 1689360"/>
              <a:gd name="connsiteX7" fmla="*/ 0 w 1689576"/>
              <a:gd name="connsiteY7" fmla="*/ 851132 h 1689360"/>
              <a:gd name="connsiteX8" fmla="*/ 0 w 1689576"/>
              <a:gd name="connsiteY8" fmla="*/ 304 h 1689360"/>
              <a:gd name="connsiteX9" fmla="*/ 838762 w 1689576"/>
              <a:gd name="connsiteY9" fmla="*/ 304 h 16893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689576" h="1689360">
                <a:moveTo>
                  <a:pt x="838762" y="0"/>
                </a:moveTo>
                <a:lnTo>
                  <a:pt x="1689576" y="0"/>
                </a:lnTo>
                <a:lnTo>
                  <a:pt x="1689576" y="850801"/>
                </a:lnTo>
                <a:lnTo>
                  <a:pt x="1689044" y="850801"/>
                </a:lnTo>
                <a:lnTo>
                  <a:pt x="1689044" y="1689360"/>
                </a:lnTo>
                <a:lnTo>
                  <a:pt x="838228" y="1689360"/>
                </a:lnTo>
                <a:lnTo>
                  <a:pt x="838228" y="851132"/>
                </a:lnTo>
                <a:lnTo>
                  <a:pt x="0" y="851132"/>
                </a:lnTo>
                <a:lnTo>
                  <a:pt x="0" y="304"/>
                </a:lnTo>
                <a:lnTo>
                  <a:pt x="838762" y="304"/>
                </a:lnTo>
                <a:close/>
              </a:path>
            </a:pathLst>
          </a:custGeom>
          <a:solidFill>
            <a:srgbClr val="00AA9B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19" name="Espace réservé du texte 18">
            <a:extLst>
              <a:ext uri="{FF2B5EF4-FFF2-40B4-BE49-F238E27FC236}">
                <a16:creationId xmlns:a16="http://schemas.microsoft.com/office/drawing/2014/main" id="{77A50922-7260-B60A-7AAA-E86D8345DF13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10914561" y="888823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rgbClr val="00AA9B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0" name="Espace réservé du texte 19">
            <a:extLst>
              <a:ext uri="{FF2B5EF4-FFF2-40B4-BE49-F238E27FC236}">
                <a16:creationId xmlns:a16="http://schemas.microsoft.com/office/drawing/2014/main" id="{0B93D991-3719-13BE-CAF4-92FAD1AE993B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7559895" y="900565"/>
            <a:ext cx="425629" cy="848273"/>
          </a:xfrm>
          <a:custGeom>
            <a:avLst/>
            <a:gdLst>
              <a:gd name="connsiteX0" fmla="*/ 0 w 850814"/>
              <a:gd name="connsiteY0" fmla="*/ 0 h 1696545"/>
              <a:gd name="connsiteX1" fmla="*/ 850814 w 850814"/>
              <a:gd name="connsiteY1" fmla="*/ 0 h 1696545"/>
              <a:gd name="connsiteX2" fmla="*/ 850814 w 850814"/>
              <a:gd name="connsiteY2" fmla="*/ 845730 h 1696545"/>
              <a:gd name="connsiteX3" fmla="*/ 850814 w 850814"/>
              <a:gd name="connsiteY3" fmla="*/ 850815 h 1696545"/>
              <a:gd name="connsiteX4" fmla="*/ 850814 w 850814"/>
              <a:gd name="connsiteY4" fmla="*/ 1696545 h 1696545"/>
              <a:gd name="connsiteX5" fmla="*/ 0 w 850814"/>
              <a:gd name="connsiteY5" fmla="*/ 1696545 h 1696545"/>
              <a:gd name="connsiteX6" fmla="*/ 0 w 850814"/>
              <a:gd name="connsiteY6" fmla="*/ 850815 h 1696545"/>
              <a:gd name="connsiteX7" fmla="*/ 0 w 850814"/>
              <a:gd name="connsiteY7" fmla="*/ 845730 h 169654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850814" h="1696545">
                <a:moveTo>
                  <a:pt x="0" y="0"/>
                </a:moveTo>
                <a:lnTo>
                  <a:pt x="850814" y="0"/>
                </a:lnTo>
                <a:lnTo>
                  <a:pt x="850814" y="845730"/>
                </a:lnTo>
                <a:lnTo>
                  <a:pt x="850814" y="850815"/>
                </a:lnTo>
                <a:lnTo>
                  <a:pt x="850814" y="1696545"/>
                </a:lnTo>
                <a:lnTo>
                  <a:pt x="0" y="1696545"/>
                </a:lnTo>
                <a:lnTo>
                  <a:pt x="0" y="850815"/>
                </a:lnTo>
                <a:lnTo>
                  <a:pt x="0" y="845730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1" name="Espace réservé du texte 20">
            <a:extLst>
              <a:ext uri="{FF2B5EF4-FFF2-40B4-BE49-F238E27FC236}">
                <a16:creationId xmlns:a16="http://schemas.microsoft.com/office/drawing/2014/main" id="{3BC7876D-E248-A2A6-8340-C2CFAB6904A1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8411699" y="1325048"/>
            <a:ext cx="425630" cy="425408"/>
          </a:xfrm>
          <a:custGeom>
            <a:avLst/>
            <a:gdLst>
              <a:gd name="connsiteX0" fmla="*/ 0 w 850816"/>
              <a:gd name="connsiteY0" fmla="*/ 0 h 850815"/>
              <a:gd name="connsiteX1" fmla="*/ 850816 w 850816"/>
              <a:gd name="connsiteY1" fmla="*/ 0 h 850815"/>
              <a:gd name="connsiteX2" fmla="*/ 850816 w 850816"/>
              <a:gd name="connsiteY2" fmla="*/ 850815 h 850815"/>
              <a:gd name="connsiteX3" fmla="*/ 0 w 850816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6" h="850815">
                <a:moveTo>
                  <a:pt x="0" y="0"/>
                </a:moveTo>
                <a:lnTo>
                  <a:pt x="850816" y="0"/>
                </a:lnTo>
                <a:lnTo>
                  <a:pt x="850816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2" name="Espace réservé du texte 21">
            <a:extLst>
              <a:ext uri="{FF2B5EF4-FFF2-40B4-BE49-F238E27FC236}">
                <a16:creationId xmlns:a16="http://schemas.microsoft.com/office/drawing/2014/main" id="{63079D3F-9B34-1D5F-D83D-2AE61764694D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7986071" y="1749046"/>
            <a:ext cx="425628" cy="425408"/>
          </a:xfrm>
          <a:custGeom>
            <a:avLst/>
            <a:gdLst>
              <a:gd name="connsiteX0" fmla="*/ 0 w 850813"/>
              <a:gd name="connsiteY0" fmla="*/ 0 h 850815"/>
              <a:gd name="connsiteX1" fmla="*/ 850813 w 850813"/>
              <a:gd name="connsiteY1" fmla="*/ 0 h 850815"/>
              <a:gd name="connsiteX2" fmla="*/ 850813 w 850813"/>
              <a:gd name="connsiteY2" fmla="*/ 850815 h 850815"/>
              <a:gd name="connsiteX3" fmla="*/ 0 w 850813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3" h="850815">
                <a:moveTo>
                  <a:pt x="0" y="0"/>
                </a:moveTo>
                <a:lnTo>
                  <a:pt x="850813" y="0"/>
                </a:lnTo>
                <a:lnTo>
                  <a:pt x="850813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3" name="Espace réservé du texte 22">
            <a:extLst>
              <a:ext uri="{FF2B5EF4-FFF2-40B4-BE49-F238E27FC236}">
                <a16:creationId xmlns:a16="http://schemas.microsoft.com/office/drawing/2014/main" id="{CC52E421-15B9-4D6C-FD9D-942E7CFA175B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7560442" y="2172682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4" name="Espace réservé du texte 23">
            <a:extLst>
              <a:ext uri="{FF2B5EF4-FFF2-40B4-BE49-F238E27FC236}">
                <a16:creationId xmlns:a16="http://schemas.microsoft.com/office/drawing/2014/main" id="{56C0F402-7513-A420-5A74-B5798016B7B6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>
            <a:off x="7992419" y="3003532"/>
            <a:ext cx="425629" cy="848273"/>
          </a:xfrm>
          <a:custGeom>
            <a:avLst/>
            <a:gdLst>
              <a:gd name="connsiteX0" fmla="*/ 0 w 850814"/>
              <a:gd name="connsiteY0" fmla="*/ 0 h 1696545"/>
              <a:gd name="connsiteX1" fmla="*/ 850814 w 850814"/>
              <a:gd name="connsiteY1" fmla="*/ 0 h 1696545"/>
              <a:gd name="connsiteX2" fmla="*/ 850814 w 850814"/>
              <a:gd name="connsiteY2" fmla="*/ 845730 h 1696545"/>
              <a:gd name="connsiteX3" fmla="*/ 850814 w 850814"/>
              <a:gd name="connsiteY3" fmla="*/ 850815 h 1696545"/>
              <a:gd name="connsiteX4" fmla="*/ 850814 w 850814"/>
              <a:gd name="connsiteY4" fmla="*/ 1696545 h 1696545"/>
              <a:gd name="connsiteX5" fmla="*/ 0 w 850814"/>
              <a:gd name="connsiteY5" fmla="*/ 1696545 h 1696545"/>
              <a:gd name="connsiteX6" fmla="*/ 0 w 850814"/>
              <a:gd name="connsiteY6" fmla="*/ 850815 h 1696545"/>
              <a:gd name="connsiteX7" fmla="*/ 0 w 850814"/>
              <a:gd name="connsiteY7" fmla="*/ 845730 h 169654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850814" h="1696545">
                <a:moveTo>
                  <a:pt x="0" y="0"/>
                </a:moveTo>
                <a:lnTo>
                  <a:pt x="850814" y="0"/>
                </a:lnTo>
                <a:lnTo>
                  <a:pt x="850814" y="845730"/>
                </a:lnTo>
                <a:lnTo>
                  <a:pt x="850814" y="850815"/>
                </a:lnTo>
                <a:lnTo>
                  <a:pt x="850814" y="1696545"/>
                </a:lnTo>
                <a:lnTo>
                  <a:pt x="0" y="1696545"/>
                </a:lnTo>
                <a:lnTo>
                  <a:pt x="0" y="850815"/>
                </a:lnTo>
                <a:lnTo>
                  <a:pt x="0" y="845730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5" name="Espace réservé du texte 24">
            <a:extLst>
              <a:ext uri="{FF2B5EF4-FFF2-40B4-BE49-F238E27FC236}">
                <a16:creationId xmlns:a16="http://schemas.microsoft.com/office/drawing/2014/main" id="{203299ED-DF31-76C7-CD26-7B532B9AD234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7560443" y="3849832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6" name="Espace réservé du texte 25">
            <a:extLst>
              <a:ext uri="{FF2B5EF4-FFF2-40B4-BE49-F238E27FC236}">
                <a16:creationId xmlns:a16="http://schemas.microsoft.com/office/drawing/2014/main" id="{A9BDDCD4-5CD3-022B-9315-85F396AB9AB7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7992966" y="4275240"/>
            <a:ext cx="425629" cy="425408"/>
          </a:xfrm>
          <a:custGeom>
            <a:avLst/>
            <a:gdLst>
              <a:gd name="connsiteX0" fmla="*/ 0 w 850815"/>
              <a:gd name="connsiteY0" fmla="*/ 0 h 850815"/>
              <a:gd name="connsiteX1" fmla="*/ 850815 w 850815"/>
              <a:gd name="connsiteY1" fmla="*/ 0 h 850815"/>
              <a:gd name="connsiteX2" fmla="*/ 850815 w 850815"/>
              <a:gd name="connsiteY2" fmla="*/ 850815 h 850815"/>
              <a:gd name="connsiteX3" fmla="*/ 0 w 850815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5" h="850815">
                <a:moveTo>
                  <a:pt x="0" y="0"/>
                </a:moveTo>
                <a:lnTo>
                  <a:pt x="850815" y="0"/>
                </a:lnTo>
                <a:lnTo>
                  <a:pt x="850815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7" name="Espace réservé du texte 26">
            <a:extLst>
              <a:ext uri="{FF2B5EF4-FFF2-40B4-BE49-F238E27FC236}">
                <a16:creationId xmlns:a16="http://schemas.microsoft.com/office/drawing/2014/main" id="{BC6E4972-3BE3-A929-FE86-D75D21E2D2C7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825204" y="4700647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8" name="Espace réservé du texte 27">
            <a:extLst>
              <a:ext uri="{FF2B5EF4-FFF2-40B4-BE49-F238E27FC236}">
                <a16:creationId xmlns:a16="http://schemas.microsoft.com/office/drawing/2014/main" id="{31888827-916D-B336-6AF8-A49708354AF2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7560443" y="5109611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9" name="Espace réservé du texte 28">
            <a:extLst>
              <a:ext uri="{FF2B5EF4-FFF2-40B4-BE49-F238E27FC236}">
                <a16:creationId xmlns:a16="http://schemas.microsoft.com/office/drawing/2014/main" id="{762155A6-246A-2D7C-C109-5A7D31FD948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7560443" y="5545603"/>
            <a:ext cx="851251" cy="849118"/>
          </a:xfrm>
          <a:custGeom>
            <a:avLst/>
            <a:gdLst>
              <a:gd name="connsiteX0" fmla="*/ 850802 w 1701616"/>
              <a:gd name="connsiteY0" fmla="*/ 0 h 1698235"/>
              <a:gd name="connsiteX1" fmla="*/ 1701616 w 1701616"/>
              <a:gd name="connsiteY1" fmla="*/ 0 h 1698235"/>
              <a:gd name="connsiteX2" fmla="*/ 1701616 w 1701616"/>
              <a:gd name="connsiteY2" fmla="*/ 845730 h 1698235"/>
              <a:gd name="connsiteX3" fmla="*/ 1701616 w 1701616"/>
              <a:gd name="connsiteY3" fmla="*/ 850815 h 1698235"/>
              <a:gd name="connsiteX4" fmla="*/ 1701616 w 1701616"/>
              <a:gd name="connsiteY4" fmla="*/ 1696545 h 1698235"/>
              <a:gd name="connsiteX5" fmla="*/ 850814 w 1701616"/>
              <a:gd name="connsiteY5" fmla="*/ 1696545 h 1698235"/>
              <a:gd name="connsiteX6" fmla="*/ 850814 w 1701616"/>
              <a:gd name="connsiteY6" fmla="*/ 1698235 h 1698235"/>
              <a:gd name="connsiteX7" fmla="*/ 0 w 1701616"/>
              <a:gd name="connsiteY7" fmla="*/ 1698235 h 1698235"/>
              <a:gd name="connsiteX8" fmla="*/ 0 w 1701616"/>
              <a:gd name="connsiteY8" fmla="*/ 847420 h 1698235"/>
              <a:gd name="connsiteX9" fmla="*/ 850802 w 1701616"/>
              <a:gd name="connsiteY9" fmla="*/ 847420 h 1698235"/>
              <a:gd name="connsiteX10" fmla="*/ 850802 w 1701616"/>
              <a:gd name="connsiteY10" fmla="*/ 845730 h 169823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01616" h="1698235">
                <a:moveTo>
                  <a:pt x="850802" y="0"/>
                </a:moveTo>
                <a:lnTo>
                  <a:pt x="1701616" y="0"/>
                </a:lnTo>
                <a:lnTo>
                  <a:pt x="1701616" y="845730"/>
                </a:lnTo>
                <a:lnTo>
                  <a:pt x="1701616" y="850815"/>
                </a:lnTo>
                <a:lnTo>
                  <a:pt x="1701616" y="1696545"/>
                </a:lnTo>
                <a:lnTo>
                  <a:pt x="850814" y="1696545"/>
                </a:lnTo>
                <a:lnTo>
                  <a:pt x="850814" y="1698235"/>
                </a:lnTo>
                <a:lnTo>
                  <a:pt x="0" y="1698235"/>
                </a:lnTo>
                <a:lnTo>
                  <a:pt x="0" y="847420"/>
                </a:lnTo>
                <a:lnTo>
                  <a:pt x="850802" y="847420"/>
                </a:lnTo>
                <a:lnTo>
                  <a:pt x="850802" y="845730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" name="Espace réservé du pied de page 1">
            <a:extLst>
              <a:ext uri="{FF2B5EF4-FFF2-40B4-BE49-F238E27FC236}">
                <a16:creationId xmlns:a16="http://schemas.microsoft.com/office/drawing/2014/main" id="{1F08AB26-EB28-F7BA-CD27-0D0296986319}"/>
              </a:ext>
            </a:extLst>
          </p:cNvPr>
          <p:cNvSpPr>
            <a:spLocks noGrp="1"/>
          </p:cNvSpPr>
          <p:nvPr>
            <p:ph type="ftr" sz="quarter" idx="6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1657109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25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25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250"/>
                            </p:stCondLst>
                            <p:childTnLst>
                              <p:par>
                                <p:cTn id="12" presetID="42" presetClass="path" presetSubtype="0" accel="50000" decel="5000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2.08333E-7 1.85185E-6 L -0.31042 0.74051 " pathEditMode="relative" rAng="0" ptsTypes="AA">
                                      <p:cBhvr>
                                        <p:cTn id="13" dur="500" fill="hold"/>
                                        <p:tgtEl>
                                          <p:spTgt spid="19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5521" y="37014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4" fill="hold">
                            <p:stCondLst>
                              <p:cond delay="750"/>
                            </p:stCondLst>
                            <p:childTnLst>
                              <p:par>
                                <p:cTn id="15" presetID="14" presetClass="entr" presetSubtype="5" fill="hold" grpId="0" nodeType="afterEffect" nodePh="1">
                                  <p:stCondLst>
                                    <p:cond delay="0"/>
                                  </p:stCondLst>
                                  <p:endCondLst>
                                    <p:cond evt="begin" delay="0">
                                      <p:tn val="15"/>
                                    </p:cond>
                                  </p:end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vertical)">
                                      <p:cBhvr>
                                        <p:cTn id="17" dur="75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8" fill="hold">
                            <p:stCondLst>
                              <p:cond delay="1500"/>
                            </p:stCondLst>
                            <p:childTnLst>
                              <p:par>
                                <p:cTn id="1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250"/>
                                        <p:tgtEl>
                                          <p:spTgt spid="2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2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25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5" presetID="10" presetClass="entr" presetSubtype="0" fill="hold" grpId="0" nodeType="withEffect">
                                  <p:stCondLst>
                                    <p:cond delay="25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250"/>
                                        <p:tgtEl>
                                          <p:spTgt spid="2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8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0" dur="25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250"/>
                                        <p:tgtEl>
                                          <p:spTgt spid="2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4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6" dur="250"/>
                                        <p:tgtEl>
                                          <p:spTgt spid="2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7" presetID="10" presetClass="entr" presetSubtype="0" fill="hold" grpId="0" nodeType="withEffect">
                                  <p:stCondLst>
                                    <p:cond delay="25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250"/>
                                        <p:tgtEl>
                                          <p:spTgt spid="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0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2" dur="25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5" dur="250"/>
                                        <p:tgtEl>
                                          <p:spTgt spid="2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6" presetID="10" presetClass="entr" presetSubtype="0" fill="hold" grpId="0" nodeType="withEffect">
                                  <p:stCondLst>
                                    <p:cond delay="25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8" dur="25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9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1" dur="25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52" fill="hold">
                            <p:stCondLst>
                              <p:cond delay="2250"/>
                            </p:stCondLst>
                            <p:childTnLst>
                              <p:par>
                                <p:cTn id="53" presetID="42" presetClass="path" presetSubtype="0" accel="50000" decel="5000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2.08333E-6 -1.48148E-6 L -0.31041 0.74051 " pathEditMode="relative" rAng="0" ptsTypes="AA">
                                      <p:cBhvr>
                                        <p:cTn id="54" dur="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5521" y="37014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4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4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4" grpId="1" animBg="1">
        <p:tmplLst>
          <p:tmpl>
            <p:tnLst>
              <p:par>
                <p:cTn presetID="42" presetClass="path" presetSubtype="0" accel="50000" decel="50000" fill="hold" nodeType="afterEffect">
                  <p:stCondLst>
                    <p:cond delay="0"/>
                  </p:stCondLst>
                  <p:childTnLst>
                    <p:animMotion origin="layout" path="M -2.08333E-7 1.85185E-6 L -0.31042 0.74051 " pathEditMode="relative" rAng="0" ptsTypes="AA">
                      <p:cBhvr>
                        <p:cTn dur="500" fill="hold"/>
                        <p:tgtEl>
                          <p:spTgt spid="4"/>
                        </p:tgtEl>
                        <p:attrNameLst>
                          <p:attrName>ppt_x</p:attrName>
                          <p:attrName>ppt_y</p:attrName>
                        </p:attrNameLst>
                      </p:cBhvr>
                      <p:rCtr x="-15521" y="37014"/>
                    </p:animMotion>
                  </p:childTnLst>
                </p:cTn>
              </p:par>
            </p:tnLst>
          </p:tmpl>
        </p:tmplLst>
      </p:bldP>
      <p:bldP spid="17" grpId="0"/>
      <p:bldP spid="18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18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18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9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19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19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9" grpId="1" animBg="1">
        <p:tmplLst>
          <p:tmpl>
            <p:tnLst>
              <p:par>
                <p:cTn presetID="42" presetClass="path" presetSubtype="0" accel="50000" decel="50000" fill="hold" nodeType="afterEffect">
                  <p:stCondLst>
                    <p:cond delay="0"/>
                  </p:stCondLst>
                  <p:childTnLst>
                    <p:animMotion origin="layout" path="M -2.08333E-7 1.85185E-6 L -0.31042 0.74051 " pathEditMode="relative" rAng="0" ptsTypes="AA">
                      <p:cBhvr>
                        <p:cTn dur="500" fill="hold"/>
                        <p:tgtEl>
                          <p:spTgt spid="19"/>
                        </p:tgtEl>
                        <p:attrNameLst>
                          <p:attrName>ppt_x</p:attrName>
                          <p:attrName>ppt_y</p:attrName>
                        </p:attrNameLst>
                      </p:cBhvr>
                      <p:rCtr x="-15521" y="37014"/>
                    </p:animMotion>
                  </p:childTnLst>
                </p:cTn>
              </p:par>
            </p:tnLst>
          </p:tmpl>
        </p:tmplLst>
      </p:bldP>
      <p:bldP spid="20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0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0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1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25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1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1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2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25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2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2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3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3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3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4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4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4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5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5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6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6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6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7" grpId="0" animBg="1">
        <p:tmplLst>
          <p:tmpl>
            <p:tnLst>
              <p:par>
                <p:cTn presetID="10" presetClass="entr" presetSubtype="0" fill="hold" nodeType="after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8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25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8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8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9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9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9"/>
                        </p:tgtEl>
                      </p:cBhvr>
                    </p:animEffect>
                  </p:childTnLst>
                </p:cTn>
              </p:par>
            </p:tnLst>
          </p:tmpl>
        </p:tmplLst>
      </p:bldP>
    </p:bldLst>
  </p:timing>
  <p:extLst>
    <p:ext uri="{DCECCB84-F9BA-43D5-87BE-67443E8EF086}">
      <p15:sldGuideLst xmlns:p15="http://schemas.microsoft.com/office/powerpoint/2012/main"/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a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Espace réservé du texte 18">
            <a:extLst>
              <a:ext uri="{FF2B5EF4-FFF2-40B4-BE49-F238E27FC236}">
                <a16:creationId xmlns:a16="http://schemas.microsoft.com/office/drawing/2014/main" id="{8245BC07-A95B-64F6-6B3D-1764DBF32AFD}"/>
              </a:ext>
            </a:extLst>
          </p:cNvPr>
          <p:cNvSpPr txBox="1">
            <a:spLocks/>
          </p:cNvSpPr>
          <p:nvPr userDrawn="1"/>
        </p:nvSpPr>
        <p:spPr>
          <a:xfrm>
            <a:off x="11766371" y="6432591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rgbClr val="C4F6EF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234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ClrTx/>
              <a:buFont typeface="Wingdings" panose="05000000000000000000" pitchFamily="2" charset="2"/>
              <a:buChar char="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360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Poppins" panose="00000500000000000000" pitchFamily="2" charset="0"/>
              <a:buChar char="–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2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lang="fr-FR" sz="1200" b="1" kern="1200" cap="none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5pPr>
            <a:lvl6pPr marL="114300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4859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7145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9431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fr-FR"/>
              <a:t>.</a:t>
            </a:r>
          </a:p>
        </p:txBody>
      </p:sp>
      <p:sp>
        <p:nvSpPr>
          <p:cNvPr id="3" name="Titre 2">
            <a:extLst>
              <a:ext uri="{FF2B5EF4-FFF2-40B4-BE49-F238E27FC236}">
                <a16:creationId xmlns:a16="http://schemas.microsoft.com/office/drawing/2014/main" id="{3FD9AAD8-B995-51BE-2600-C1B23F3294B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330" y="380016"/>
            <a:ext cx="6778849" cy="30104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fr-FR"/>
              <a:t>2 contacts</a:t>
            </a:r>
          </a:p>
        </p:txBody>
      </p:sp>
      <p:pic>
        <p:nvPicPr>
          <p:cNvPr id="9" name="Graphique 8">
            <a:extLst>
              <a:ext uri="{FF2B5EF4-FFF2-40B4-BE49-F238E27FC236}">
                <a16:creationId xmlns:a16="http://schemas.microsoft.com/office/drawing/2014/main" id="{94BE0BE5-6760-DC4B-35AF-6C907A40C2E7}"/>
              </a:ext>
            </a:extLst>
          </p:cNvPr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95364" y="6643893"/>
            <a:ext cx="567295" cy="85525"/>
          </a:xfrm>
          <a:prstGeom prst="rect">
            <a:avLst/>
          </a:prstGeom>
        </p:spPr>
      </p:pic>
      <p:sp>
        <p:nvSpPr>
          <p:cNvPr id="11" name="Espace réservé du numéro de diapositive 10">
            <a:extLst>
              <a:ext uri="{FF2B5EF4-FFF2-40B4-BE49-F238E27FC236}">
                <a16:creationId xmlns:a16="http://schemas.microsoft.com/office/drawing/2014/main" id="{2BEE01FC-DAFF-17F4-C9D5-78192583F50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15" name="Sous-titre 2">
            <a:extLst>
              <a:ext uri="{FF2B5EF4-FFF2-40B4-BE49-F238E27FC236}">
                <a16:creationId xmlns:a16="http://schemas.microsoft.com/office/drawing/2014/main" id="{2D3C446E-F737-82EB-6424-62FBE688BDE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737063" y="4755144"/>
            <a:ext cx="4608049" cy="802528"/>
          </a:xfrm>
        </p:spPr>
        <p:txBody>
          <a:bodyPr/>
          <a:lstStyle>
            <a:lvl1pPr marL="0" indent="0" algn="l">
              <a:lnSpc>
                <a:spcPct val="86000"/>
              </a:lnSpc>
              <a:spcBef>
                <a:spcPts val="0"/>
              </a:spcBef>
              <a:spcAft>
                <a:spcPts val="0"/>
              </a:spcAft>
              <a:buNone/>
              <a:defRPr lang="fr-FR" sz="3000" b="0" kern="1200" smtClean="0">
                <a:ln w="21590">
                  <a:noFill/>
                </a:ln>
                <a:solidFill>
                  <a:schemeClr val="accent3"/>
                </a:solidFill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  <a:lvl2pPr marL="228600" indent="0" algn="ctr">
              <a:buNone/>
              <a:defRPr sz="1000"/>
            </a:lvl2pPr>
            <a:lvl3pPr marL="457200" indent="0" algn="ctr">
              <a:buNone/>
              <a:defRPr sz="900"/>
            </a:lvl3pPr>
            <a:lvl4pPr marL="685800" indent="0" algn="ctr">
              <a:buNone/>
              <a:defRPr sz="800"/>
            </a:lvl4pPr>
            <a:lvl5pPr marL="914400" indent="0" algn="ctr">
              <a:buNone/>
              <a:defRPr sz="800"/>
            </a:lvl5pPr>
            <a:lvl6pPr marL="1143000" indent="0" algn="ctr">
              <a:buNone/>
              <a:defRPr sz="800"/>
            </a:lvl6pPr>
            <a:lvl7pPr marL="1371600" indent="0" algn="ctr">
              <a:buNone/>
              <a:defRPr sz="800"/>
            </a:lvl7pPr>
            <a:lvl8pPr marL="1600200" indent="0" algn="ctr">
              <a:buNone/>
              <a:defRPr sz="800"/>
            </a:lvl8pPr>
            <a:lvl9pPr marL="1828800" indent="0" algn="ctr">
              <a:buNone/>
              <a:defRPr sz="800"/>
            </a:lvl9pPr>
          </a:lstStyle>
          <a:p>
            <a:r>
              <a:rPr lang="fr-FR"/>
              <a:t>Contact Name</a:t>
            </a:r>
          </a:p>
          <a:p>
            <a:r>
              <a:rPr lang="fr-FR"/>
              <a:t>on 2 </a:t>
            </a:r>
            <a:r>
              <a:rPr lang="fr-FR" err="1"/>
              <a:t>lines</a:t>
            </a:r>
            <a:endParaRPr lang="fr-FR"/>
          </a:p>
        </p:txBody>
      </p:sp>
      <p:sp>
        <p:nvSpPr>
          <p:cNvPr id="16" name="Espace réservé du texte 10">
            <a:extLst>
              <a:ext uri="{FF2B5EF4-FFF2-40B4-BE49-F238E27FC236}">
                <a16:creationId xmlns:a16="http://schemas.microsoft.com/office/drawing/2014/main" id="{B5186CB3-8774-A149-A0C1-057AA9060A9C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>
            <a:off x="1737062" y="5653786"/>
            <a:ext cx="4608050" cy="341119"/>
          </a:xfrm>
        </p:spPr>
        <p:txBody>
          <a:bodyPr/>
          <a:lstStyle>
            <a:lvl1pPr>
              <a:defRPr lang="fr-FR" sz="2200" b="0" kern="1200" smtClean="0">
                <a:ln w="21590">
                  <a:noFill/>
                </a:ln>
                <a:solidFill>
                  <a:schemeClr val="bg1"/>
                </a:solidFill>
                <a:latin typeface="Poppins Light" panose="00000400000000000000" pitchFamily="2" charset="0"/>
                <a:ea typeface="+mj-ea"/>
                <a:cs typeface="Poppins Light" panose="00000400000000000000" pitchFamily="2" charset="0"/>
              </a:defRPr>
            </a:lvl1pPr>
            <a:lvl2pPr marL="0" indent="0">
              <a:lnSpc>
                <a:spcPct val="80000"/>
              </a:lnSpc>
              <a:buNone/>
              <a:defRPr lang="fr-FR" sz="2825" b="0" kern="1200" smtClean="0">
                <a:ln w="21590">
                  <a:noFill/>
                </a:ln>
                <a:solidFill>
                  <a:schemeClr val="bg1"/>
                </a:solidFill>
                <a:latin typeface="Poppins Light" panose="00000400000000000000" pitchFamily="2" charset="0"/>
                <a:ea typeface="+mj-ea"/>
                <a:cs typeface="Poppins Light" panose="00000400000000000000" pitchFamily="2" charset="0"/>
              </a:defRPr>
            </a:lvl2pPr>
          </a:lstStyle>
          <a:p>
            <a:pPr lvl="0"/>
            <a:r>
              <a:rPr lang="fr-FR"/>
              <a:t>Job description</a:t>
            </a:r>
          </a:p>
        </p:txBody>
      </p:sp>
      <p:sp>
        <p:nvSpPr>
          <p:cNvPr id="17" name="Espace réservé pour une image  24">
            <a:extLst>
              <a:ext uri="{FF2B5EF4-FFF2-40B4-BE49-F238E27FC236}">
                <a16:creationId xmlns:a16="http://schemas.microsoft.com/office/drawing/2014/main" id="{4032F36A-BBAD-915E-C993-3CABDEF89D6A}"/>
              </a:ext>
            </a:extLst>
          </p:cNvPr>
          <p:cNvSpPr>
            <a:spLocks noGrp="1"/>
          </p:cNvSpPr>
          <p:nvPr>
            <p:ph type="pic" sz="quarter" idx="51"/>
          </p:nvPr>
        </p:nvSpPr>
        <p:spPr>
          <a:xfrm>
            <a:off x="1737063" y="1310533"/>
            <a:ext cx="2326673" cy="3276787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18" name="Espace réservé du texte 17">
            <a:extLst>
              <a:ext uri="{FF2B5EF4-FFF2-40B4-BE49-F238E27FC236}">
                <a16:creationId xmlns:a16="http://schemas.microsoft.com/office/drawing/2014/main" id="{8FA6DD9D-3FCA-357B-50B8-7A2D9E645F9A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3365200" y="1310533"/>
            <a:ext cx="698536" cy="698083"/>
          </a:xfrm>
          <a:custGeom>
            <a:avLst/>
            <a:gdLst>
              <a:gd name="connsiteX0" fmla="*/ 838762 w 1689576"/>
              <a:gd name="connsiteY0" fmla="*/ 0 h 1689360"/>
              <a:gd name="connsiteX1" fmla="*/ 1689576 w 1689576"/>
              <a:gd name="connsiteY1" fmla="*/ 0 h 1689360"/>
              <a:gd name="connsiteX2" fmla="*/ 1689576 w 1689576"/>
              <a:gd name="connsiteY2" fmla="*/ 850801 h 1689360"/>
              <a:gd name="connsiteX3" fmla="*/ 1689044 w 1689576"/>
              <a:gd name="connsiteY3" fmla="*/ 850801 h 1689360"/>
              <a:gd name="connsiteX4" fmla="*/ 1689044 w 1689576"/>
              <a:gd name="connsiteY4" fmla="*/ 1689360 h 1689360"/>
              <a:gd name="connsiteX5" fmla="*/ 838228 w 1689576"/>
              <a:gd name="connsiteY5" fmla="*/ 1689360 h 1689360"/>
              <a:gd name="connsiteX6" fmla="*/ 838228 w 1689576"/>
              <a:gd name="connsiteY6" fmla="*/ 851132 h 1689360"/>
              <a:gd name="connsiteX7" fmla="*/ 0 w 1689576"/>
              <a:gd name="connsiteY7" fmla="*/ 851132 h 1689360"/>
              <a:gd name="connsiteX8" fmla="*/ 0 w 1689576"/>
              <a:gd name="connsiteY8" fmla="*/ 304 h 1689360"/>
              <a:gd name="connsiteX9" fmla="*/ 838762 w 1689576"/>
              <a:gd name="connsiteY9" fmla="*/ 304 h 16893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689576" h="1689360">
                <a:moveTo>
                  <a:pt x="838762" y="0"/>
                </a:moveTo>
                <a:lnTo>
                  <a:pt x="1689576" y="0"/>
                </a:lnTo>
                <a:lnTo>
                  <a:pt x="1689576" y="850801"/>
                </a:lnTo>
                <a:lnTo>
                  <a:pt x="1689044" y="850801"/>
                </a:lnTo>
                <a:lnTo>
                  <a:pt x="1689044" y="1689360"/>
                </a:lnTo>
                <a:lnTo>
                  <a:pt x="838228" y="1689360"/>
                </a:lnTo>
                <a:lnTo>
                  <a:pt x="838228" y="851132"/>
                </a:lnTo>
                <a:lnTo>
                  <a:pt x="0" y="851132"/>
                </a:lnTo>
                <a:lnTo>
                  <a:pt x="0" y="304"/>
                </a:lnTo>
                <a:lnTo>
                  <a:pt x="838762" y="304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19" name="Espace réservé du texte 18">
            <a:extLst>
              <a:ext uri="{FF2B5EF4-FFF2-40B4-BE49-F238E27FC236}">
                <a16:creationId xmlns:a16="http://schemas.microsoft.com/office/drawing/2014/main" id="{77A50922-7260-B60A-7AAA-E86D8345DF13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3366404" y="1664778"/>
            <a:ext cx="351759" cy="351577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1" name="Espace réservé du texte 20">
            <a:extLst>
              <a:ext uri="{FF2B5EF4-FFF2-40B4-BE49-F238E27FC236}">
                <a16:creationId xmlns:a16="http://schemas.microsoft.com/office/drawing/2014/main" id="{3BC7876D-E248-A2A6-8340-C2CFAB6904A1}"/>
              </a:ext>
            </a:extLst>
          </p:cNvPr>
          <p:cNvSpPr>
            <a:spLocks noGrp="1" noChangeAspect="1"/>
          </p:cNvSpPr>
          <p:nvPr>
            <p:ph type="body" sz="quarter" idx="55" hasCustomPrompt="1"/>
          </p:nvPr>
        </p:nvSpPr>
        <p:spPr>
          <a:xfrm>
            <a:off x="3014017" y="3974895"/>
            <a:ext cx="351183" cy="319091"/>
          </a:xfrm>
          <a:custGeom>
            <a:avLst/>
            <a:gdLst>
              <a:gd name="connsiteX0" fmla="*/ 0 w 850816"/>
              <a:gd name="connsiteY0" fmla="*/ 0 h 850815"/>
              <a:gd name="connsiteX1" fmla="*/ 850816 w 850816"/>
              <a:gd name="connsiteY1" fmla="*/ 0 h 850815"/>
              <a:gd name="connsiteX2" fmla="*/ 850816 w 850816"/>
              <a:gd name="connsiteY2" fmla="*/ 850815 h 850815"/>
              <a:gd name="connsiteX3" fmla="*/ 0 w 850816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6" h="850815">
                <a:moveTo>
                  <a:pt x="0" y="0"/>
                </a:moveTo>
                <a:lnTo>
                  <a:pt x="850816" y="0"/>
                </a:lnTo>
                <a:lnTo>
                  <a:pt x="850816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2" name="Espace réservé du texte 21">
            <a:extLst>
              <a:ext uri="{FF2B5EF4-FFF2-40B4-BE49-F238E27FC236}">
                <a16:creationId xmlns:a16="http://schemas.microsoft.com/office/drawing/2014/main" id="{63079D3F-9B34-1D5F-D83D-2AE61764694D}"/>
              </a:ext>
            </a:extLst>
          </p:cNvPr>
          <p:cNvSpPr>
            <a:spLocks noGrp="1" noChangeAspect="1"/>
          </p:cNvSpPr>
          <p:nvPr>
            <p:ph type="body" sz="quarter" idx="56" hasCustomPrompt="1"/>
          </p:nvPr>
        </p:nvSpPr>
        <p:spPr>
          <a:xfrm>
            <a:off x="3718163" y="3340692"/>
            <a:ext cx="351183" cy="319092"/>
          </a:xfrm>
          <a:custGeom>
            <a:avLst/>
            <a:gdLst>
              <a:gd name="connsiteX0" fmla="*/ 0 w 850813"/>
              <a:gd name="connsiteY0" fmla="*/ 0 h 850815"/>
              <a:gd name="connsiteX1" fmla="*/ 850813 w 850813"/>
              <a:gd name="connsiteY1" fmla="*/ 0 h 850815"/>
              <a:gd name="connsiteX2" fmla="*/ 850813 w 850813"/>
              <a:gd name="connsiteY2" fmla="*/ 850815 h 850815"/>
              <a:gd name="connsiteX3" fmla="*/ 0 w 850813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3" h="850815">
                <a:moveTo>
                  <a:pt x="0" y="0"/>
                </a:moveTo>
                <a:lnTo>
                  <a:pt x="850813" y="0"/>
                </a:lnTo>
                <a:lnTo>
                  <a:pt x="850813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4" name="Espace réservé du texte 23">
            <a:extLst>
              <a:ext uri="{FF2B5EF4-FFF2-40B4-BE49-F238E27FC236}">
                <a16:creationId xmlns:a16="http://schemas.microsoft.com/office/drawing/2014/main" id="{56C0F402-7513-A420-5A74-B5798016B7B6}"/>
              </a:ext>
            </a:extLst>
          </p:cNvPr>
          <p:cNvSpPr>
            <a:spLocks noGrp="1" noChangeAspect="1"/>
          </p:cNvSpPr>
          <p:nvPr>
            <p:ph type="body" sz="quarter" idx="58" hasCustomPrompt="1"/>
          </p:nvPr>
        </p:nvSpPr>
        <p:spPr>
          <a:xfrm>
            <a:off x="1737062" y="1310533"/>
            <a:ext cx="351183" cy="636276"/>
          </a:xfrm>
          <a:custGeom>
            <a:avLst/>
            <a:gdLst>
              <a:gd name="connsiteX0" fmla="*/ 0 w 850814"/>
              <a:gd name="connsiteY0" fmla="*/ 0 h 1696545"/>
              <a:gd name="connsiteX1" fmla="*/ 850814 w 850814"/>
              <a:gd name="connsiteY1" fmla="*/ 0 h 1696545"/>
              <a:gd name="connsiteX2" fmla="*/ 850814 w 850814"/>
              <a:gd name="connsiteY2" fmla="*/ 845730 h 1696545"/>
              <a:gd name="connsiteX3" fmla="*/ 850814 w 850814"/>
              <a:gd name="connsiteY3" fmla="*/ 850815 h 1696545"/>
              <a:gd name="connsiteX4" fmla="*/ 850814 w 850814"/>
              <a:gd name="connsiteY4" fmla="*/ 1696545 h 1696545"/>
              <a:gd name="connsiteX5" fmla="*/ 0 w 850814"/>
              <a:gd name="connsiteY5" fmla="*/ 1696545 h 1696545"/>
              <a:gd name="connsiteX6" fmla="*/ 0 w 850814"/>
              <a:gd name="connsiteY6" fmla="*/ 850815 h 1696545"/>
              <a:gd name="connsiteX7" fmla="*/ 0 w 850814"/>
              <a:gd name="connsiteY7" fmla="*/ 845730 h 169654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850814" h="1696545">
                <a:moveTo>
                  <a:pt x="0" y="0"/>
                </a:moveTo>
                <a:lnTo>
                  <a:pt x="850814" y="0"/>
                </a:lnTo>
                <a:lnTo>
                  <a:pt x="850814" y="845730"/>
                </a:lnTo>
                <a:lnTo>
                  <a:pt x="850814" y="850815"/>
                </a:lnTo>
                <a:lnTo>
                  <a:pt x="850814" y="1696545"/>
                </a:lnTo>
                <a:lnTo>
                  <a:pt x="0" y="1696545"/>
                </a:lnTo>
                <a:lnTo>
                  <a:pt x="0" y="850815"/>
                </a:lnTo>
                <a:lnTo>
                  <a:pt x="0" y="845730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7" name="Espace réservé du texte 26">
            <a:extLst>
              <a:ext uri="{FF2B5EF4-FFF2-40B4-BE49-F238E27FC236}">
                <a16:creationId xmlns:a16="http://schemas.microsoft.com/office/drawing/2014/main" id="{BC6E4972-3BE3-A929-FE86-D75D21E2D2C7}"/>
              </a:ext>
            </a:extLst>
          </p:cNvPr>
          <p:cNvSpPr>
            <a:spLocks noGrp="1" noChangeAspect="1"/>
          </p:cNvSpPr>
          <p:nvPr>
            <p:ph type="body" sz="quarter" idx="61" hasCustomPrompt="1"/>
          </p:nvPr>
        </p:nvSpPr>
        <p:spPr>
          <a:xfrm>
            <a:off x="3712553" y="4268229"/>
            <a:ext cx="351183" cy="319091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8" name="Espace réservé du texte 27">
            <a:extLst>
              <a:ext uri="{FF2B5EF4-FFF2-40B4-BE49-F238E27FC236}">
                <a16:creationId xmlns:a16="http://schemas.microsoft.com/office/drawing/2014/main" id="{31888827-916D-B336-6AF8-A49708354AF2}"/>
              </a:ext>
            </a:extLst>
          </p:cNvPr>
          <p:cNvSpPr>
            <a:spLocks noGrp="1" noChangeAspect="1"/>
          </p:cNvSpPr>
          <p:nvPr>
            <p:ph type="body" sz="quarter" idx="62" hasCustomPrompt="1"/>
          </p:nvPr>
        </p:nvSpPr>
        <p:spPr>
          <a:xfrm>
            <a:off x="1737062" y="3655804"/>
            <a:ext cx="351183" cy="319091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4" name="Espace réservé du texte 10">
            <a:extLst>
              <a:ext uri="{FF2B5EF4-FFF2-40B4-BE49-F238E27FC236}">
                <a16:creationId xmlns:a16="http://schemas.microsoft.com/office/drawing/2014/main" id="{F47A8A8C-3E66-CD07-2B30-AFD723B58A92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783639" y="5653786"/>
            <a:ext cx="4608050" cy="341119"/>
          </a:xfrm>
        </p:spPr>
        <p:txBody>
          <a:bodyPr/>
          <a:lstStyle>
            <a:lvl1pPr>
              <a:defRPr lang="fr-FR" sz="2200" b="0" kern="1200" smtClean="0">
                <a:ln w="21590">
                  <a:noFill/>
                </a:ln>
                <a:solidFill>
                  <a:schemeClr val="bg1"/>
                </a:solidFill>
                <a:latin typeface="Poppins Light" panose="00000400000000000000" pitchFamily="2" charset="0"/>
                <a:ea typeface="+mj-ea"/>
                <a:cs typeface="Poppins Light" panose="00000400000000000000" pitchFamily="2" charset="0"/>
              </a:defRPr>
            </a:lvl1pPr>
            <a:lvl2pPr marL="0" indent="0">
              <a:lnSpc>
                <a:spcPct val="80000"/>
              </a:lnSpc>
              <a:buNone/>
              <a:defRPr lang="fr-FR" sz="2825" b="0" kern="1200" smtClean="0">
                <a:ln w="21590">
                  <a:noFill/>
                </a:ln>
                <a:solidFill>
                  <a:schemeClr val="bg1"/>
                </a:solidFill>
                <a:latin typeface="Poppins Light" panose="00000400000000000000" pitchFamily="2" charset="0"/>
                <a:ea typeface="+mj-ea"/>
                <a:cs typeface="Poppins Light" panose="00000400000000000000" pitchFamily="2" charset="0"/>
              </a:defRPr>
            </a:lvl2pPr>
          </a:lstStyle>
          <a:p>
            <a:pPr lvl="0"/>
            <a:r>
              <a:rPr lang="fr-FR"/>
              <a:t>Job description</a:t>
            </a:r>
          </a:p>
        </p:txBody>
      </p:sp>
      <p:sp>
        <p:nvSpPr>
          <p:cNvPr id="5" name="Espace réservé pour une image  24">
            <a:extLst>
              <a:ext uri="{FF2B5EF4-FFF2-40B4-BE49-F238E27FC236}">
                <a16:creationId xmlns:a16="http://schemas.microsoft.com/office/drawing/2014/main" id="{49CB2BC8-BEF1-40A6-6F60-A44CC9F668CB}"/>
              </a:ext>
            </a:extLst>
          </p:cNvPr>
          <p:cNvSpPr>
            <a:spLocks noGrp="1"/>
          </p:cNvSpPr>
          <p:nvPr>
            <p:ph type="pic" sz="quarter" idx="65"/>
          </p:nvPr>
        </p:nvSpPr>
        <p:spPr>
          <a:xfrm>
            <a:off x="6783640" y="1310533"/>
            <a:ext cx="2326673" cy="3276787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6" name="Espace réservé du texte 17">
            <a:extLst>
              <a:ext uri="{FF2B5EF4-FFF2-40B4-BE49-F238E27FC236}">
                <a16:creationId xmlns:a16="http://schemas.microsoft.com/office/drawing/2014/main" id="{253C7E5B-7FB6-871D-A9A2-A97E7033F505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8411777" y="1310533"/>
            <a:ext cx="698536" cy="698083"/>
          </a:xfrm>
          <a:custGeom>
            <a:avLst/>
            <a:gdLst>
              <a:gd name="connsiteX0" fmla="*/ 838762 w 1689576"/>
              <a:gd name="connsiteY0" fmla="*/ 0 h 1689360"/>
              <a:gd name="connsiteX1" fmla="*/ 1689576 w 1689576"/>
              <a:gd name="connsiteY1" fmla="*/ 0 h 1689360"/>
              <a:gd name="connsiteX2" fmla="*/ 1689576 w 1689576"/>
              <a:gd name="connsiteY2" fmla="*/ 850801 h 1689360"/>
              <a:gd name="connsiteX3" fmla="*/ 1689044 w 1689576"/>
              <a:gd name="connsiteY3" fmla="*/ 850801 h 1689360"/>
              <a:gd name="connsiteX4" fmla="*/ 1689044 w 1689576"/>
              <a:gd name="connsiteY4" fmla="*/ 1689360 h 1689360"/>
              <a:gd name="connsiteX5" fmla="*/ 838228 w 1689576"/>
              <a:gd name="connsiteY5" fmla="*/ 1689360 h 1689360"/>
              <a:gd name="connsiteX6" fmla="*/ 838228 w 1689576"/>
              <a:gd name="connsiteY6" fmla="*/ 851132 h 1689360"/>
              <a:gd name="connsiteX7" fmla="*/ 0 w 1689576"/>
              <a:gd name="connsiteY7" fmla="*/ 851132 h 1689360"/>
              <a:gd name="connsiteX8" fmla="*/ 0 w 1689576"/>
              <a:gd name="connsiteY8" fmla="*/ 304 h 1689360"/>
              <a:gd name="connsiteX9" fmla="*/ 838762 w 1689576"/>
              <a:gd name="connsiteY9" fmla="*/ 304 h 16893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689576" h="1689360">
                <a:moveTo>
                  <a:pt x="838762" y="0"/>
                </a:moveTo>
                <a:lnTo>
                  <a:pt x="1689576" y="0"/>
                </a:lnTo>
                <a:lnTo>
                  <a:pt x="1689576" y="850801"/>
                </a:lnTo>
                <a:lnTo>
                  <a:pt x="1689044" y="850801"/>
                </a:lnTo>
                <a:lnTo>
                  <a:pt x="1689044" y="1689360"/>
                </a:lnTo>
                <a:lnTo>
                  <a:pt x="838228" y="1689360"/>
                </a:lnTo>
                <a:lnTo>
                  <a:pt x="838228" y="851132"/>
                </a:lnTo>
                <a:lnTo>
                  <a:pt x="0" y="851132"/>
                </a:lnTo>
                <a:lnTo>
                  <a:pt x="0" y="304"/>
                </a:lnTo>
                <a:lnTo>
                  <a:pt x="838762" y="304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7" name="Espace réservé du texte 18">
            <a:extLst>
              <a:ext uri="{FF2B5EF4-FFF2-40B4-BE49-F238E27FC236}">
                <a16:creationId xmlns:a16="http://schemas.microsoft.com/office/drawing/2014/main" id="{43B1A94F-D7BF-1A03-F693-22F8F06E7907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8413202" y="1658428"/>
            <a:ext cx="351759" cy="351577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31" name="Espace réservé du texte 24">
            <a:extLst>
              <a:ext uri="{FF2B5EF4-FFF2-40B4-BE49-F238E27FC236}">
                <a16:creationId xmlns:a16="http://schemas.microsoft.com/office/drawing/2014/main" id="{6B0E6980-B2E5-160B-6EC6-5D48889104D6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885919" y="1056477"/>
            <a:ext cx="425629" cy="386734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32" name="Espace réservé du texte 25">
            <a:extLst>
              <a:ext uri="{FF2B5EF4-FFF2-40B4-BE49-F238E27FC236}">
                <a16:creationId xmlns:a16="http://schemas.microsoft.com/office/drawing/2014/main" id="{D12C968E-0F87-049E-ABF0-249D1D7C23F1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783639" y="2762185"/>
            <a:ext cx="425629" cy="386734"/>
          </a:xfrm>
          <a:custGeom>
            <a:avLst/>
            <a:gdLst>
              <a:gd name="connsiteX0" fmla="*/ 0 w 850815"/>
              <a:gd name="connsiteY0" fmla="*/ 0 h 850815"/>
              <a:gd name="connsiteX1" fmla="*/ 850815 w 850815"/>
              <a:gd name="connsiteY1" fmla="*/ 0 h 850815"/>
              <a:gd name="connsiteX2" fmla="*/ 850815 w 850815"/>
              <a:gd name="connsiteY2" fmla="*/ 850815 h 850815"/>
              <a:gd name="connsiteX3" fmla="*/ 0 w 850815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5" h="850815">
                <a:moveTo>
                  <a:pt x="0" y="0"/>
                </a:moveTo>
                <a:lnTo>
                  <a:pt x="850815" y="0"/>
                </a:lnTo>
                <a:lnTo>
                  <a:pt x="850815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33" name="Espace réservé du texte 26">
            <a:extLst>
              <a:ext uri="{FF2B5EF4-FFF2-40B4-BE49-F238E27FC236}">
                <a16:creationId xmlns:a16="http://schemas.microsoft.com/office/drawing/2014/main" id="{700C303D-A4C0-A67B-DE44-F3B2653DB95D}"/>
              </a:ext>
            </a:extLst>
          </p:cNvPr>
          <p:cNvSpPr>
            <a:spLocks noGrp="1" noChangeAspect="1"/>
          </p:cNvSpPr>
          <p:nvPr>
            <p:ph type="body" sz="quarter" idx="75" hasCustomPrompt="1"/>
          </p:nvPr>
        </p:nvSpPr>
        <p:spPr>
          <a:xfrm>
            <a:off x="8759130" y="3614004"/>
            <a:ext cx="351183" cy="319091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34" name="Espace réservé du texte 27">
            <a:extLst>
              <a:ext uri="{FF2B5EF4-FFF2-40B4-BE49-F238E27FC236}">
                <a16:creationId xmlns:a16="http://schemas.microsoft.com/office/drawing/2014/main" id="{FB5A565B-D7A3-EAD2-B0D1-AECE38A104AD}"/>
              </a:ext>
            </a:extLst>
          </p:cNvPr>
          <p:cNvSpPr>
            <a:spLocks noGrp="1" noChangeAspect="1"/>
          </p:cNvSpPr>
          <p:nvPr>
            <p:ph type="body" sz="quarter" idx="76" hasCustomPrompt="1"/>
          </p:nvPr>
        </p:nvSpPr>
        <p:spPr>
          <a:xfrm>
            <a:off x="7419922" y="4268229"/>
            <a:ext cx="351183" cy="319091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36" name="Espace réservé du texte 10">
            <a:extLst>
              <a:ext uri="{FF2B5EF4-FFF2-40B4-BE49-F238E27FC236}">
                <a16:creationId xmlns:a16="http://schemas.microsoft.com/office/drawing/2014/main" id="{6E0C684A-688F-CA19-65D9-0E9BAB78D340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783640" y="4755144"/>
            <a:ext cx="4608050" cy="957057"/>
          </a:xfrm>
        </p:spPr>
        <p:txBody>
          <a:bodyPr/>
          <a:lstStyle>
            <a:lvl1pPr>
              <a:defRPr lang="fr-FR" sz="3000" b="0" kern="1200">
                <a:ln w="21590">
                  <a:noFill/>
                </a:ln>
                <a:solidFill>
                  <a:schemeClr val="accent3"/>
                </a:solidFill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  <a:lvl2pPr marL="0" indent="0">
              <a:lnSpc>
                <a:spcPct val="80000"/>
              </a:lnSpc>
              <a:buNone/>
              <a:defRPr lang="fr-FR" sz="2825" b="0" kern="1200" smtClean="0">
                <a:ln w="21590">
                  <a:noFill/>
                </a:ln>
                <a:solidFill>
                  <a:schemeClr val="bg1"/>
                </a:solidFill>
                <a:latin typeface="Poppins Light" panose="00000400000000000000" pitchFamily="2" charset="0"/>
                <a:ea typeface="+mj-ea"/>
                <a:cs typeface="Poppins Light" panose="00000400000000000000" pitchFamily="2" charset="0"/>
              </a:defRPr>
            </a:lvl2pPr>
          </a:lstStyle>
          <a:p>
            <a:r>
              <a:rPr lang="fr-FR"/>
              <a:t>Contact Name</a:t>
            </a:r>
          </a:p>
          <a:p>
            <a:r>
              <a:rPr lang="fr-FR"/>
              <a:t>on 2 </a:t>
            </a:r>
            <a:r>
              <a:rPr lang="fr-FR" err="1"/>
              <a:t>lines</a:t>
            </a:r>
            <a:endParaRPr lang="fr-FR"/>
          </a:p>
        </p:txBody>
      </p:sp>
      <p:sp>
        <p:nvSpPr>
          <p:cNvPr id="2" name="Espace réservé du pied de page 1">
            <a:extLst>
              <a:ext uri="{FF2B5EF4-FFF2-40B4-BE49-F238E27FC236}">
                <a16:creationId xmlns:a16="http://schemas.microsoft.com/office/drawing/2014/main" id="{71A54A94-84A1-63B4-0B53-58D1C7571FC7}"/>
              </a:ext>
            </a:extLst>
          </p:cNvPr>
          <p:cNvSpPr>
            <a:spLocks noGrp="1"/>
          </p:cNvSpPr>
          <p:nvPr>
            <p:ph type="ftr" sz="quarter" idx="7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426352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25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25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250"/>
                            </p:stCondLst>
                            <p:childTnLst>
                              <p:par>
                                <p:cTn id="12" presetID="42" presetClass="path" presetSubtype="0" accel="50000" decel="5000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4.10631E-6 2.96296E-6 L -0.13367 0.37569 " pathEditMode="relative" rAng="0" ptsTypes="AA">
                                      <p:cBhvr>
                                        <p:cTn id="13" dur="500" fill="hold"/>
                                        <p:tgtEl>
                                          <p:spTgt spid="19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6683" y="18785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4" fill="hold">
                            <p:stCondLst>
                              <p:cond delay="750"/>
                            </p:stCondLst>
                            <p:childTnLst>
                              <p:par>
                                <p:cTn id="15" presetID="14" presetClass="entr" presetSubtype="5" fill="hold" grpId="0" nodeType="afterEffect" nodePh="1">
                                  <p:stCondLst>
                                    <p:cond delay="0"/>
                                  </p:stCondLst>
                                  <p:endCondLst>
                                    <p:cond evt="begin" delay="0">
                                      <p:tn val="15"/>
                                    </p:cond>
                                  </p:end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vertical)">
                                      <p:cBhvr>
                                        <p:cTn id="17" dur="75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8" fill="hold">
                            <p:stCondLst>
                              <p:cond delay="1500"/>
                            </p:stCondLst>
                            <p:childTnLst>
                              <p:par>
                                <p:cTn id="1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250"/>
                                        <p:tgtEl>
                                          <p:spTgt spid="2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2" presetID="10" presetClass="entr" presetSubtype="0" fill="hold" grpId="0" nodeType="withEffect">
                                  <p:stCondLst>
                                    <p:cond delay="25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250"/>
                                        <p:tgtEl>
                                          <p:spTgt spid="2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5" presetID="10" presetClass="entr" presetSubtype="0" fill="hold" grpId="0" nodeType="withEffect">
                                  <p:stCondLst>
                                    <p:cond delay="25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250"/>
                                        <p:tgtEl>
                                          <p:spTgt spid="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0" dur="250"/>
                                        <p:tgtEl>
                                          <p:spTgt spid="2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1" presetID="10" presetClass="entr" presetSubtype="0" fill="hold" grpId="0" nodeType="withEffect">
                                  <p:stCondLst>
                                    <p:cond delay="25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25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6" dur="25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25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0" fill="hold">
                            <p:stCondLst>
                              <p:cond delay="2000"/>
                            </p:stCondLst>
                            <p:childTnLst>
                              <p:par>
                                <p:cTn id="41" presetID="42" presetClass="path" presetSubtype="0" accel="50000" decel="5000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1.52684E-6 -1.11111E-6 L -0.13445 0.37639 " pathEditMode="relative" rAng="0" ptsTypes="AA">
                                      <p:cBhvr>
                                        <p:cTn id="42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6722" y="18819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3" fill="hold">
                            <p:stCondLst>
                              <p:cond delay="2500"/>
                            </p:stCondLst>
                            <p:childTnLst>
                              <p:par>
                                <p:cTn id="44" presetID="14" presetClass="entr" presetSubtype="5" fill="hold" grpId="0" nodeType="afterEffect" nodePh="1">
                                  <p:stCondLst>
                                    <p:cond delay="0"/>
                                  </p:stCondLst>
                                  <p:endCondLst>
                                    <p:cond evt="begin" delay="0">
                                      <p:tn val="44"/>
                                    </p:cond>
                                  </p:endCondLst>
                                  <p:childTnLst>
                                    <p:set>
                                      <p:cBhvr>
                                        <p:cTn id="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vertical)">
                                      <p:cBhvr>
                                        <p:cTn id="46" dur="75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7" fill="hold">
                            <p:stCondLst>
                              <p:cond delay="3250"/>
                            </p:stCondLst>
                            <p:childTnLst>
                              <p:par>
                                <p:cTn id="48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0" dur="250"/>
                                        <p:tgtEl>
                                          <p:spTgt spid="3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1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3" dur="250"/>
                                        <p:tgtEl>
                                          <p:spTgt spid="3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6" dur="250"/>
                                        <p:tgtEl>
                                          <p:spTgt spid="3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7" presetID="10" presetClass="entr" presetSubtype="0" fill="hold" grpId="0" nodeType="withEffect">
                                  <p:stCondLst>
                                    <p:cond delay="25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9" dur="250"/>
                                        <p:tgtEl>
                                          <p:spTgt spid="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60" fill="hold">
                            <p:stCondLst>
                              <p:cond delay="4000"/>
                            </p:stCondLst>
                            <p:childTnLst>
                              <p:par>
                                <p:cTn id="6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3" dur="500"/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64" fill="hold">
                            <p:stCondLst>
                              <p:cond delay="4500"/>
                            </p:stCondLst>
                            <p:childTnLst>
                              <p:par>
                                <p:cTn id="6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7" dur="500"/>
                                        <p:tgtEl>
                                          <p:spTgt spid="3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68" fill="hold">
                            <p:stCondLst>
                              <p:cond delay="5000"/>
                            </p:stCondLst>
                            <p:childTnLst>
                              <p:par>
                                <p:cTn id="6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1" dur="500"/>
                                        <p:tgtEl>
                                          <p:spTgt spid="3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72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4" dur="25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8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8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7" grpId="0"/>
      <p:bldP spid="18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18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18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9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19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19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9" grpId="1" animBg="1">
        <p:tmplLst>
          <p:tmpl>
            <p:tnLst>
              <p:par>
                <p:cTn presetID="42" presetClass="path" presetSubtype="0" accel="50000" decel="50000" fill="hold" nodeType="afterEffect">
                  <p:stCondLst>
                    <p:cond delay="0"/>
                  </p:stCondLst>
                  <p:childTnLst>
                    <p:animMotion origin="layout" path="M 4.10631E-6 2.96296E-6 L -0.13367 0.37569 " pathEditMode="relative" rAng="0" ptsTypes="AA">
                      <p:cBhvr>
                        <p:cTn dur="500" fill="hold"/>
                        <p:tgtEl>
                          <p:spTgt spid="19"/>
                        </p:tgtEl>
                        <p:attrNameLst>
                          <p:attrName>ppt_x</p:attrName>
                          <p:attrName>ppt_y</p:attrName>
                        </p:attrNameLst>
                      </p:cBhvr>
                      <p:rCtr x="-6683" y="18785"/>
                    </p:animMotion>
                  </p:childTnLst>
                </p:cTn>
              </p:par>
            </p:tnLst>
          </p:tmpl>
        </p:tmplLst>
      </p:bldP>
      <p:bldP spid="21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25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1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1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2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25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2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2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4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4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4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7" grpId="0" animBg="1">
        <p:tmplLst>
          <p:tmpl>
            <p:tnLst>
              <p:par>
                <p:cTn presetID="10" presetClass="entr" presetSubtype="0" fill="hold" nodeType="after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8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25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8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8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4" grpId="0" build="p">
        <p:tmplLst>
          <p:tmpl lvl="1">
            <p:tnLst>
              <p:par>
                <p:cTn presetID="10" presetClass="entr" presetSubtype="0" fill="hold" nodeType="after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4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4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5" grpId="0"/>
      <p:bldP spid="6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6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6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7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7" grpId="1" animBg="1">
        <p:tmplLst>
          <p:tmpl>
            <p:tnLst>
              <p:par>
                <p:cTn presetID="42" presetClass="path" presetSubtype="0" accel="50000" decel="50000" fill="hold" nodeType="afterEffect">
                  <p:stCondLst>
                    <p:cond delay="0"/>
                  </p:stCondLst>
                  <p:childTnLst>
                    <p:animMotion origin="layout" path="M 1.52684E-6 -1.11111E-6 L -0.13445 0.37639 " pathEditMode="relative" rAng="0" ptsTypes="AA">
                      <p:cBhvr>
                        <p:cTn dur="500" fill="hold"/>
                        <p:tgtEl>
                          <p:spTgt spid="7"/>
                        </p:tgtEl>
                        <p:attrNameLst>
                          <p:attrName>ppt_x</p:attrName>
                          <p:attrName>ppt_y</p:attrName>
                        </p:attrNameLst>
                      </p:cBhvr>
                      <p:rCtr x="-6722" y="18819"/>
                    </p:animMotion>
                  </p:childTnLst>
                </p:cTn>
              </p:par>
            </p:tnLst>
          </p:tmpl>
        </p:tmplLst>
      </p:bldP>
      <p:bldP spid="31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31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31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32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32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32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33" grpId="0" animBg="1">
        <p:tmplLst>
          <p:tmpl>
            <p:tnLst>
              <p:par>
                <p:cTn presetID="10" presetClass="entr" presetSubtype="0" fill="hold" nodeType="after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33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33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34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25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34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34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36" grpId="0" build="p">
        <p:tmplLst>
          <p:tmpl lvl="1">
            <p:tnLst>
              <p:par>
                <p:cTn presetID="10" presetClass="entr" presetSubtype="0" fill="hold" nodeType="after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36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36"/>
                        </p:tgtEl>
                      </p:cBhvr>
                    </p:animEffect>
                  </p:childTnLst>
                </p:cTn>
              </p:par>
            </p:tnLst>
          </p:tmpl>
        </p:tmplLst>
      </p:bldP>
    </p:bldLst>
  </p:timing>
  <p:extLst>
    <p:ext uri="{DCECCB84-F9BA-43D5-87BE-67443E8EF086}">
      <p15:sldGuideLst xmlns:p15="http://schemas.microsoft.com/office/powerpoint/2012/main"/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s">
    <p:bg>
      <p:bgPr>
        <a:solidFill>
          <a:srgbClr val="5A70B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Espace réservé du texte 18">
            <a:extLst>
              <a:ext uri="{FF2B5EF4-FFF2-40B4-BE49-F238E27FC236}">
                <a16:creationId xmlns:a16="http://schemas.microsoft.com/office/drawing/2014/main" id="{6146BE17-3FBB-9F8F-929A-219848752822}"/>
              </a:ext>
            </a:extLst>
          </p:cNvPr>
          <p:cNvSpPr txBox="1">
            <a:spLocks/>
          </p:cNvSpPr>
          <p:nvPr userDrawn="1"/>
        </p:nvSpPr>
        <p:spPr>
          <a:xfrm>
            <a:off x="11766371" y="6432591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234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ClrTx/>
              <a:buFont typeface="Wingdings" panose="05000000000000000000" pitchFamily="2" charset="2"/>
              <a:buChar char="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360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Poppins" panose="00000500000000000000" pitchFamily="2" charset="0"/>
              <a:buChar char="–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2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lang="fr-FR" sz="1200" b="1" kern="1200" cap="none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5pPr>
            <a:lvl6pPr marL="114300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4859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7145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9431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fr-FR"/>
              <a:t>.</a:t>
            </a:r>
          </a:p>
        </p:txBody>
      </p:sp>
      <p:sp>
        <p:nvSpPr>
          <p:cNvPr id="7" name="Sous-titre 2">
            <a:extLst>
              <a:ext uri="{FF2B5EF4-FFF2-40B4-BE49-F238E27FC236}">
                <a16:creationId xmlns:a16="http://schemas.microsoft.com/office/drawing/2014/main" id="{509386FD-4C82-7CCF-6257-7C09D874A41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251937" y="2224293"/>
            <a:ext cx="5644993" cy="435376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lang="fr-FR" sz="3395" b="0" kern="1200" smtClean="0">
                <a:ln w="21590">
                  <a:noFill/>
                </a:ln>
                <a:solidFill>
                  <a:schemeClr val="bg1"/>
                </a:solidFill>
                <a:latin typeface="Poppins Light" panose="00000400000000000000" pitchFamily="2" charset="0"/>
                <a:ea typeface="+mj-ea"/>
                <a:cs typeface="Poppins Light" panose="00000400000000000000" pitchFamily="2" charset="0"/>
              </a:defRPr>
            </a:lvl1pPr>
            <a:lvl2pPr marL="228600" indent="0" algn="ctr">
              <a:buNone/>
              <a:defRPr sz="1000"/>
            </a:lvl2pPr>
            <a:lvl3pPr marL="457200" indent="0" algn="ctr">
              <a:buNone/>
              <a:defRPr sz="900"/>
            </a:lvl3pPr>
            <a:lvl4pPr marL="685800" indent="0" algn="ctr">
              <a:buNone/>
              <a:defRPr sz="800"/>
            </a:lvl4pPr>
            <a:lvl5pPr marL="914400" indent="0" algn="ctr">
              <a:buNone/>
              <a:defRPr sz="800"/>
            </a:lvl5pPr>
            <a:lvl6pPr marL="1143000" indent="0" algn="ctr">
              <a:buNone/>
              <a:defRPr sz="800"/>
            </a:lvl6pPr>
            <a:lvl7pPr marL="1371600" indent="0" algn="ctr">
              <a:buNone/>
              <a:defRPr sz="800"/>
            </a:lvl7pPr>
            <a:lvl8pPr marL="1600200" indent="0" algn="ctr">
              <a:buNone/>
              <a:defRPr sz="800"/>
            </a:lvl8pPr>
            <a:lvl9pPr marL="1828800" indent="0" algn="ctr">
              <a:buNone/>
              <a:defRPr sz="800"/>
            </a:lvl9pPr>
          </a:lstStyle>
          <a:p>
            <a:r>
              <a:rPr lang="fr-FR"/>
              <a:t>Insert </a:t>
            </a:r>
            <a:r>
              <a:rPr lang="fr-FR" err="1"/>
              <a:t>your</a:t>
            </a:r>
            <a:r>
              <a:rPr lang="fr-FR"/>
              <a:t> </a:t>
            </a:r>
            <a:r>
              <a:rPr lang="fr-FR" err="1"/>
              <a:t>text</a:t>
            </a:r>
            <a:r>
              <a:rPr lang="fr-FR"/>
              <a:t> ici</a:t>
            </a:r>
          </a:p>
        </p:txBody>
      </p:sp>
      <p:sp>
        <p:nvSpPr>
          <p:cNvPr id="13" name="Espace réservé du texte 10">
            <a:extLst>
              <a:ext uri="{FF2B5EF4-FFF2-40B4-BE49-F238E27FC236}">
                <a16:creationId xmlns:a16="http://schemas.microsoft.com/office/drawing/2014/main" id="{023D05F1-80AB-8B6F-8CFB-541F96B1F3B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251937" y="4051487"/>
            <a:ext cx="5644993" cy="60305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 marL="0" indent="0">
              <a:buNone/>
              <a:defRPr sz="2455">
                <a:solidFill>
                  <a:schemeClr val="bg1"/>
                </a:solidFill>
                <a:latin typeface="Poppins ExtraBold" panose="00000900000000000000" pitchFamily="2" charset="0"/>
                <a:cs typeface="Poppins ExtraBold" panose="00000900000000000000" pitchFamily="2" charset="0"/>
              </a:defRPr>
            </a:lvl2pPr>
          </a:lstStyle>
          <a:p>
            <a:pPr lvl="1"/>
            <a:r>
              <a:rPr lang="fr-FR"/>
              <a:t>Text</a:t>
            </a:r>
          </a:p>
          <a:p>
            <a:pPr lvl="0"/>
            <a:r>
              <a:rPr lang="fr-FR"/>
              <a:t>Text</a:t>
            </a:r>
          </a:p>
        </p:txBody>
      </p:sp>
      <p:pic>
        <p:nvPicPr>
          <p:cNvPr id="20" name="Graphique 19">
            <a:extLst>
              <a:ext uri="{FF2B5EF4-FFF2-40B4-BE49-F238E27FC236}">
                <a16:creationId xmlns:a16="http://schemas.microsoft.com/office/drawing/2014/main" id="{38A9CB3B-4071-DF76-6E20-9C9596F55C9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95364" y="6643893"/>
            <a:ext cx="567295" cy="85525"/>
          </a:xfrm>
          <a:prstGeom prst="rect">
            <a:avLst/>
          </a:prstGeom>
        </p:spPr>
      </p:pic>
      <p:sp>
        <p:nvSpPr>
          <p:cNvPr id="22" name="Espace réservé du numéro de diapositive 21">
            <a:extLst>
              <a:ext uri="{FF2B5EF4-FFF2-40B4-BE49-F238E27FC236}">
                <a16:creationId xmlns:a16="http://schemas.microsoft.com/office/drawing/2014/main" id="{82F6E6AF-74DC-F73F-792F-1F169783C6A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26" name="Espace réservé pour une image  24">
            <a:extLst>
              <a:ext uri="{FF2B5EF4-FFF2-40B4-BE49-F238E27FC236}">
                <a16:creationId xmlns:a16="http://schemas.microsoft.com/office/drawing/2014/main" id="{03B37187-8CCF-3512-A955-7530F114EEE7}"/>
              </a:ext>
            </a:extLst>
          </p:cNvPr>
          <p:cNvSpPr>
            <a:spLocks noGrp="1"/>
          </p:cNvSpPr>
          <p:nvPr>
            <p:ph type="pic" sz="quarter" idx="38"/>
          </p:nvPr>
        </p:nvSpPr>
        <p:spPr>
          <a:xfrm>
            <a:off x="1485131" y="1702623"/>
            <a:ext cx="3465712" cy="3452754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27" name="Espace réservé du texte 63">
            <a:extLst>
              <a:ext uri="{FF2B5EF4-FFF2-40B4-BE49-F238E27FC236}">
                <a16:creationId xmlns:a16="http://schemas.microsoft.com/office/drawing/2014/main" id="{E15D8034-CD0B-2BE3-9743-28CE83D3899E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3760196" y="1702622"/>
            <a:ext cx="1190647" cy="1189875"/>
          </a:xfrm>
          <a:custGeom>
            <a:avLst/>
            <a:gdLst>
              <a:gd name="connsiteX0" fmla="*/ 838762 w 1689576"/>
              <a:gd name="connsiteY0" fmla="*/ 0 h 1689360"/>
              <a:gd name="connsiteX1" fmla="*/ 1689576 w 1689576"/>
              <a:gd name="connsiteY1" fmla="*/ 0 h 1689360"/>
              <a:gd name="connsiteX2" fmla="*/ 1689576 w 1689576"/>
              <a:gd name="connsiteY2" fmla="*/ 850801 h 1689360"/>
              <a:gd name="connsiteX3" fmla="*/ 1689044 w 1689576"/>
              <a:gd name="connsiteY3" fmla="*/ 850801 h 1689360"/>
              <a:gd name="connsiteX4" fmla="*/ 1689044 w 1689576"/>
              <a:gd name="connsiteY4" fmla="*/ 1689360 h 1689360"/>
              <a:gd name="connsiteX5" fmla="*/ 838228 w 1689576"/>
              <a:gd name="connsiteY5" fmla="*/ 1689360 h 1689360"/>
              <a:gd name="connsiteX6" fmla="*/ 838228 w 1689576"/>
              <a:gd name="connsiteY6" fmla="*/ 851132 h 1689360"/>
              <a:gd name="connsiteX7" fmla="*/ 0 w 1689576"/>
              <a:gd name="connsiteY7" fmla="*/ 851132 h 1689360"/>
              <a:gd name="connsiteX8" fmla="*/ 0 w 1689576"/>
              <a:gd name="connsiteY8" fmla="*/ 304 h 1689360"/>
              <a:gd name="connsiteX9" fmla="*/ 838762 w 1689576"/>
              <a:gd name="connsiteY9" fmla="*/ 304 h 16893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689576" h="1689360">
                <a:moveTo>
                  <a:pt x="838762" y="0"/>
                </a:moveTo>
                <a:lnTo>
                  <a:pt x="1689576" y="0"/>
                </a:lnTo>
                <a:lnTo>
                  <a:pt x="1689576" y="850801"/>
                </a:lnTo>
                <a:lnTo>
                  <a:pt x="1689044" y="850801"/>
                </a:lnTo>
                <a:lnTo>
                  <a:pt x="1689044" y="1689360"/>
                </a:lnTo>
                <a:lnTo>
                  <a:pt x="838228" y="1689360"/>
                </a:lnTo>
                <a:lnTo>
                  <a:pt x="838228" y="851132"/>
                </a:lnTo>
                <a:lnTo>
                  <a:pt x="0" y="851132"/>
                </a:lnTo>
                <a:lnTo>
                  <a:pt x="0" y="304"/>
                </a:lnTo>
                <a:lnTo>
                  <a:pt x="838762" y="304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8" name="Espace réservé du texte 65">
            <a:extLst>
              <a:ext uri="{FF2B5EF4-FFF2-40B4-BE49-F238E27FC236}">
                <a16:creationId xmlns:a16="http://schemas.microsoft.com/office/drawing/2014/main" id="{77DD3C01-4C56-1E30-B177-0E26D4182192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750258" y="2297559"/>
            <a:ext cx="599570" cy="599259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3" name="Espace réservé du pied de page 2">
            <a:extLst>
              <a:ext uri="{FF2B5EF4-FFF2-40B4-BE49-F238E27FC236}">
                <a16:creationId xmlns:a16="http://schemas.microsoft.com/office/drawing/2014/main" id="{EBA35FF1-48B3-AF94-2FB9-B2CDB3FAC36D}"/>
              </a:ext>
            </a:extLst>
          </p:cNvPr>
          <p:cNvSpPr>
            <a:spLocks noGrp="1"/>
          </p:cNvSpPr>
          <p:nvPr>
            <p:ph type="ftr" sz="quarter" idx="4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345476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mc:AlternateContent xmlns:mc="http://schemas.openxmlformats.org/markup-compatibility/2006" xmlns:p14="http://schemas.microsoft.com/office/powerpoint/2010/main">
    <mc:Choice Requires="p14">
      <p:timing>
        <p:tnLst>
          <p:par>
            <p:cTn id="1" dur="indefinite" restart="never" nodeType="tmRoot">
              <p:childTnLst>
                <p:seq concurrent="1" nextAc="seek">
                  <p:cTn id="2" dur="indefinite" nodeType="mainSeq">
                    <p:childTnLst>
                      <p:par>
                        <p:cTn id="3" fill="hold">
                          <p:stCondLst>
                            <p:cond delay="indefinite"/>
                            <p:cond evt="onBegin" delay="0">
                              <p:tn val="2"/>
                            </p:cond>
                          </p:stCondLst>
                          <p:childTnLst>
                            <p:par>
                              <p:cTn id="4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5" presetID="22" presetClass="entr" presetSubtype="8" fill="hold" grpId="0" nodeType="after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6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7">
                                                <p:txEl>
                                                  <p:pRg st="0" end="0"/>
                                                </p:txEl>
                                              </p:spTgt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Effect transition="in" filter="wipe(left)">
                                          <p:cBhvr>
                                            <p:cTn id="7" dur="500"/>
                                            <p:tgtEl>
                                              <p:spTgt spid="7">
                                                <p:txEl>
                                                  <p:pRg st="0" end="0"/>
                                                </p:txEl>
                                              </p:spTgt>
                                            </p:tgtEl>
                                          </p:cBhvr>
                                        </p:animEffect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  <p:par>
                              <p:cTn id="8" fill="hold">
                                <p:stCondLst>
                                  <p:cond delay="500"/>
                                </p:stCondLst>
                                <p:childTnLst>
                                  <p:par>
                                    <p:cTn id="9" presetID="10" presetClass="entr" presetSubtype="0" fill="hold" grpId="0" nodeType="after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10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28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Effect transition="in" filter="fade">
                                          <p:cBhvr>
                                            <p:cTn id="11" dur="500"/>
                                            <p:tgtEl>
                                              <p:spTgt spid="28"/>
                                            </p:tgtEl>
                                          </p:cBhvr>
                                        </p:animEffect>
                                      </p:childTnLst>
                                    </p:cTn>
                                  </p:par>
                                  <p:par>
                                    <p:cTn id="12" presetID="10" presetClass="entr" presetSubtype="0" fill="hold" grpId="0" nodeType="with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13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27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Effect transition="in" filter="fade">
                                          <p:cBhvr>
                                            <p:cTn id="14" dur="500"/>
                                            <p:tgtEl>
                                              <p:spTgt spid="27"/>
                                            </p:tgtEl>
                                          </p:cBhvr>
                                        </p:animEffect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  <p:par>
                              <p:cTn id="15" fill="hold">
                                <p:stCondLst>
                                  <p:cond delay="1000"/>
                                </p:stCondLst>
                                <p:childTnLst>
                                  <p:par>
                                    <p:cTn id="16" presetID="42" presetClass="path" presetSubtype="0" accel="50000" decel="50000" fill="hold" grpId="1" nodeType="afterEffect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-1.45833E-6 -3.7037E-6 L -0.18672 0.33149 " pathEditMode="relative" rAng="0" ptsTypes="AA">
                                          <p:cBhvr>
                                            <p:cTn id="17" dur="500" fill="hold"/>
                                            <p:tgtEl>
                                              <p:spTgt spid="28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-9336" y="16574"/>
                                        </p:animMotion>
                                      </p:childTnLst>
                                    </p:cTn>
                                  </p:par>
                                  <p:par>
                                    <p:cTn id="18" presetID="14" presetClass="entr" presetSubtype="5" fill="hold" grpId="0" nodeType="withEffect" nodePh="1">
                                      <p:stCondLst>
                                        <p:cond delay="0"/>
                                      </p:stCondLst>
                                      <p:endCondLst>
                                        <p:cond evt="begin" delay="0">
                                          <p:tn val="18"/>
                                        </p:cond>
                                      </p:endCondLst>
                                      <p:childTnLst>
                                        <p:set>
                                          <p:cBhvr>
                                            <p:cTn id="19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26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Effect transition="in" filter="randombar(vertical)">
                                          <p:cBhvr>
                                            <p:cTn id="20" dur="500"/>
                                            <p:tgtEl>
                                              <p:spTgt spid="26"/>
                                            </p:tgtEl>
                                          </p:cBhvr>
                                        </p:animEffect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  <p:par>
                              <p:cTn id="21" fill="hold">
                                <p:stCondLst>
                                  <p:cond delay="1500"/>
                                </p:stCondLst>
                                <p:childTnLst>
                                  <p:par>
                                    <p:cTn id="22" presetID="2" presetClass="entr" presetSubtype="2" fill="hold" grpId="0" nodeType="afterEffect" p14:presetBounceEnd="40000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23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13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 calcmode="lin" valueType="num" p14:bounceEnd="40000">
                                          <p:cBhvr additive="base">
                                            <p:cTn id="24" dur="500" fill="hold"/>
                                            <p:tgtEl>
                                              <p:spTgt spid="13"/>
                                            </p:tgtEl>
                                            <p:attrNameLst>
                                              <p:attrName>ppt_x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strVal val="1+#ppt_w/2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x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 p14:bounceEnd="40000">
                                          <p:cBhvr additive="base">
                                            <p:cTn id="25" dur="500" fill="hold"/>
                                            <p:tgtEl>
                                              <p:spTgt spid="13"/>
                                            </p:tgtEl>
                                            <p:attrNameLst>
                                              <p:attrName>ppt_y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strVal val="#ppt_y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y"/>
                                              </p:val>
                                            </p:tav>
                                          </p:tavLst>
                                        </p:anim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</p:childTnLst>
                  </p:cTn>
                  <p:prevCondLst>
                    <p:cond evt="onPrev" delay="0">
                      <p:tgtEl>
                        <p:sldTgt/>
                      </p:tgtEl>
                    </p:cond>
                  </p:prevCondLst>
                  <p:nextCondLst>
                    <p:cond evt="onNext" delay="0">
                      <p:tgtEl>
                        <p:sldTgt/>
                      </p:tgtEl>
                    </p:cond>
                  </p:nextCondLst>
                </p:seq>
              </p:childTnLst>
            </p:cTn>
          </p:par>
        </p:tnLst>
        <p:bldLst>
          <p:bldP spid="7" grpId="0" build="p">
            <p:tmplLst>
              <p:tmpl lvl="1">
                <p:tnLst>
                  <p:par>
                    <p:cTn presetID="22" presetClass="entr" presetSubtype="8" fill="hold" nodeType="afterEffect">
                      <p:stCondLst>
                        <p:cond delay="0"/>
                      </p:stCondLst>
                      <p:childTnLst>
                        <p:set>
                          <p:cBhvr>
                            <p:cTn dur="1" fill="hold">
                              <p:stCondLst>
                                <p:cond delay="0"/>
                              </p:stCondLst>
                            </p:cTn>
                            <p:tgtEl>
                              <p:spTgt spid="7"/>
                            </p:tgtEl>
                            <p:attrNameLst>
                              <p:attrName>style.visibility</p:attrName>
                            </p:attrNameLst>
                          </p:cBhvr>
                          <p:to>
                            <p:strVal val="visible"/>
                          </p:to>
                        </p:set>
                        <p:animEffect transition="in" filter="wipe(left)">
                          <p:cBhvr>
                            <p:cTn dur="500"/>
                            <p:tgtEl>
                              <p:spTgt spid="7"/>
                            </p:tgtEl>
                          </p:cBhvr>
                        </p:animEffect>
                      </p:childTnLst>
                    </p:cTn>
                  </p:par>
                </p:tnLst>
              </p:tmpl>
            </p:tmplLst>
          </p:bldP>
          <p:bldP spid="13" grpId="0">
            <p:tmplLst>
              <p:tmpl>
                <p:tnLst>
                  <p:par>
                    <p:cTn presetID="2" presetClass="entr" presetSubtype="2" fill="hold" nodeType="afterEffect" p14:presetBounceEnd="40000">
                      <p:stCondLst>
                        <p:cond delay="0"/>
                      </p:stCondLst>
                      <p:childTnLst>
                        <p:set>
                          <p:cBhvr>
                            <p:cTn dur="1" fill="hold">
                              <p:stCondLst>
                                <p:cond delay="0"/>
                              </p:stCondLst>
                            </p:cTn>
                            <p:tgtEl>
                              <p:spTgt spid="13"/>
                            </p:tgtEl>
                            <p:attrNameLst>
                              <p:attrName>style.visibility</p:attrName>
                            </p:attrNameLst>
                          </p:cBhvr>
                          <p:to>
                            <p:strVal val="visible"/>
                          </p:to>
                        </p:set>
                        <p:anim calcmode="lin" valueType="num" p14:bounceEnd="40000">
                          <p:cBhvr additive="base">
                            <p:cTn dur="500" fill="hold"/>
                            <p:tgtEl>
                              <p:spTgt spid="13"/>
                            </p:tgtEl>
                            <p:attrNameLst>
                              <p:attrName>ppt_x</p:attrName>
                            </p:attrNameLst>
                          </p:cBhvr>
                          <p:tavLst>
                            <p:tav tm="0">
                              <p:val>
                                <p:strVal val="1+#ppt_w/2"/>
                              </p:val>
                            </p:tav>
                            <p:tav tm="100000">
                              <p:val>
                                <p:strVal val="#ppt_x"/>
                              </p:val>
                            </p:tav>
                          </p:tavLst>
                        </p:anim>
                        <p:anim calcmode="lin" valueType="num" p14:bounceEnd="40000">
                          <p:cBhvr additive="base">
                            <p:cTn dur="500" fill="hold"/>
                            <p:tgtEl>
                              <p:spTgt spid="13"/>
                            </p:tgtEl>
                            <p:attrNameLst>
                              <p:attrName>ppt_y</p:attrName>
                            </p:attrNameLst>
                          </p:cBhvr>
                          <p:tavLst>
                            <p:tav tm="0">
                              <p:val>
                                <p:strVal val="#ppt_y"/>
                              </p:val>
                            </p:tav>
                            <p:tav tm="100000">
                              <p:val>
                                <p:strVal val="#ppt_y"/>
                              </p:val>
                            </p:tav>
                          </p:tavLst>
                        </p:anim>
                      </p:childTnLst>
                    </p:cTn>
                  </p:par>
                </p:tnLst>
              </p:tmpl>
            </p:tmplLst>
          </p:bldP>
          <p:bldP spid="26" grpId="0"/>
          <p:bldP spid="27" grpId="0" animBg="1">
            <p:tmplLst>
              <p:tmpl>
                <p:tnLst>
                  <p:par>
                    <p:cTn presetID="10" presetClass="entr" presetSubtype="0" fill="hold" nodeType="withEffect">
                      <p:stCondLst>
                        <p:cond delay="0"/>
                      </p:stCondLst>
                      <p:childTnLst>
                        <p:set>
                          <p:cBhvr>
                            <p:cTn dur="1" fill="hold">
                              <p:stCondLst>
                                <p:cond delay="0"/>
                              </p:stCondLst>
                            </p:cTn>
                            <p:tgtEl>
                              <p:spTgt spid="27"/>
                            </p:tgtEl>
                            <p:attrNameLst>
                              <p:attrName>style.visibility</p:attrName>
                            </p:attrNameLst>
                          </p:cBhvr>
                          <p:to>
                            <p:strVal val="visible"/>
                          </p:to>
                        </p:set>
                        <p:animEffect transition="in" filter="fade">
                          <p:cBhvr>
                            <p:cTn dur="500"/>
                            <p:tgtEl>
                              <p:spTgt spid="27"/>
                            </p:tgtEl>
                          </p:cBhvr>
                        </p:animEffect>
                      </p:childTnLst>
                    </p:cTn>
                  </p:par>
                </p:tnLst>
              </p:tmpl>
            </p:tmplLst>
          </p:bldP>
          <p:bldP spid="28" grpId="0" animBg="1">
            <p:tmplLst>
              <p:tmpl>
                <p:tnLst>
                  <p:par>
                    <p:cTn presetID="10" presetClass="entr" presetSubtype="0" fill="hold" nodeType="afterEffect">
                      <p:stCondLst>
                        <p:cond delay="0"/>
                      </p:stCondLst>
                      <p:childTnLst>
                        <p:set>
                          <p:cBhvr>
                            <p:cTn dur="1" fill="hold">
                              <p:stCondLst>
                                <p:cond delay="0"/>
                              </p:stCondLst>
                            </p:cTn>
                            <p:tgtEl>
                              <p:spTgt spid="28"/>
                            </p:tgtEl>
                            <p:attrNameLst>
                              <p:attrName>style.visibility</p:attrName>
                            </p:attrNameLst>
                          </p:cBhvr>
                          <p:to>
                            <p:strVal val="visible"/>
                          </p:to>
                        </p:set>
                        <p:animEffect transition="in" filter="fade">
                          <p:cBhvr>
                            <p:cTn dur="500"/>
                            <p:tgtEl>
                              <p:spTgt spid="28"/>
                            </p:tgtEl>
                          </p:cBhvr>
                        </p:animEffect>
                      </p:childTnLst>
                    </p:cTn>
                  </p:par>
                </p:tnLst>
              </p:tmpl>
            </p:tmplLst>
          </p:bldP>
          <p:bldP spid="28" grpId="1" animBg="1">
            <p:tmplLst>
              <p:tmpl>
                <p:tnLst>
                  <p:par>
                    <p:cTn presetID="42" presetClass="path" presetSubtype="0" accel="50000" decel="50000" fill="hold" nodeType="afterEffect">
                      <p:stCondLst>
                        <p:cond delay="0"/>
                      </p:stCondLst>
                      <p:childTnLst>
                        <p:animMotion origin="layout" path="M -1.45833E-6 -3.7037E-6 L -0.18672 0.33149 " pathEditMode="relative" rAng="0" ptsTypes="AA">
                          <p:cBhvr>
                            <p:cTn dur="500" fill="hold"/>
                            <p:tgtEl>
                              <p:spTgt spid="28"/>
                            </p:tgtEl>
                            <p:attrNameLst>
                              <p:attrName>ppt_x</p:attrName>
                              <p:attrName>ppt_y</p:attrName>
                            </p:attrNameLst>
                          </p:cBhvr>
                          <p:rCtr x="-9336" y="16574"/>
                        </p:animMotion>
                      </p:childTnLst>
                    </p:cTn>
                  </p:par>
                </p:tnLst>
              </p:tmpl>
            </p:tmplLst>
          </p:bldP>
        </p:bldLst>
      </p:timing>
    </mc:Choice>
    <mc:Fallback xmlns="">
      <p:timing>
        <p:tnLst>
          <p:par>
            <p:cTn id="1" dur="indefinite" restart="never" nodeType="tmRoot">
              <p:childTnLst>
                <p:seq concurrent="1" nextAc="seek">
                  <p:cTn id="2" dur="indefinite" nodeType="mainSeq">
                    <p:childTnLst>
                      <p:par>
                        <p:cTn id="3" fill="hold">
                          <p:stCondLst>
                            <p:cond delay="indefinite"/>
                            <p:cond evt="onBegin" delay="0">
                              <p:tn val="2"/>
                            </p:cond>
                          </p:stCondLst>
                          <p:childTnLst>
                            <p:par>
                              <p:cTn id="4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5" presetID="22" presetClass="entr" presetSubtype="8" fill="hold" grpId="0" nodeType="after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6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7">
                                                <p:txEl>
                                                  <p:pRg st="0" end="0"/>
                                                </p:txEl>
                                              </p:spTgt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Effect transition="in" filter="wipe(left)">
                                          <p:cBhvr>
                                            <p:cTn id="7" dur="500"/>
                                            <p:tgtEl>
                                              <p:spTgt spid="7">
                                                <p:txEl>
                                                  <p:pRg st="0" end="0"/>
                                                </p:txEl>
                                              </p:spTgt>
                                            </p:tgtEl>
                                          </p:cBhvr>
                                        </p:animEffect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  <p:par>
                              <p:cTn id="8" fill="hold">
                                <p:stCondLst>
                                  <p:cond delay="500"/>
                                </p:stCondLst>
                                <p:childTnLst>
                                  <p:par>
                                    <p:cTn id="9" presetID="10" presetClass="entr" presetSubtype="0" fill="hold" grpId="0" nodeType="after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10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28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Effect transition="in" filter="fade">
                                          <p:cBhvr>
                                            <p:cTn id="11" dur="500"/>
                                            <p:tgtEl>
                                              <p:spTgt spid="28"/>
                                            </p:tgtEl>
                                          </p:cBhvr>
                                        </p:animEffect>
                                      </p:childTnLst>
                                    </p:cTn>
                                  </p:par>
                                  <p:par>
                                    <p:cTn id="12" presetID="10" presetClass="entr" presetSubtype="0" fill="hold" grpId="0" nodeType="with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13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27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Effect transition="in" filter="fade">
                                          <p:cBhvr>
                                            <p:cTn id="14" dur="500"/>
                                            <p:tgtEl>
                                              <p:spTgt spid="27"/>
                                            </p:tgtEl>
                                          </p:cBhvr>
                                        </p:animEffect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  <p:par>
                              <p:cTn id="15" fill="hold">
                                <p:stCondLst>
                                  <p:cond delay="1000"/>
                                </p:stCondLst>
                                <p:childTnLst>
                                  <p:par>
                                    <p:cTn id="16" presetID="42" presetClass="path" presetSubtype="0" accel="50000" decel="50000" fill="hold" grpId="1" nodeType="afterEffect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-1.45833E-6 -3.7037E-6 L -0.18672 0.33149 " pathEditMode="relative" rAng="0" ptsTypes="AA">
                                          <p:cBhvr>
                                            <p:cTn id="17" dur="500" fill="hold"/>
                                            <p:tgtEl>
                                              <p:spTgt spid="28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-9336" y="16574"/>
                                        </p:animMotion>
                                      </p:childTnLst>
                                    </p:cTn>
                                  </p:par>
                                  <p:par>
                                    <p:cTn id="18" presetID="14" presetClass="entr" presetSubtype="5" fill="hold" grpId="0" nodeType="withEffect" nodePh="1">
                                      <p:stCondLst>
                                        <p:cond delay="0"/>
                                      </p:stCondLst>
                                      <p:endCondLst>
                                        <p:cond evt="begin" delay="0">
                                          <p:tn val="18"/>
                                        </p:cond>
                                      </p:endCondLst>
                                      <p:childTnLst>
                                        <p:set>
                                          <p:cBhvr>
                                            <p:cTn id="19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26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Effect transition="in" filter="randombar(vertical)">
                                          <p:cBhvr>
                                            <p:cTn id="20" dur="500"/>
                                            <p:tgtEl>
                                              <p:spTgt spid="26"/>
                                            </p:tgtEl>
                                          </p:cBhvr>
                                        </p:animEffect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  <p:par>
                              <p:cTn id="21" fill="hold">
                                <p:stCondLst>
                                  <p:cond delay="1500"/>
                                </p:stCondLst>
                                <p:childTnLst>
                                  <p:par>
                                    <p:cTn id="22" presetID="2" presetClass="entr" presetSubtype="2" fill="hold" grpId="0" nodeType="after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23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13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 calcmode="lin" valueType="num">
                                          <p:cBhvr additive="base">
                                            <p:cTn id="24" dur="500" fill="hold"/>
                                            <p:tgtEl>
                                              <p:spTgt spid="13"/>
                                            </p:tgtEl>
                                            <p:attrNameLst>
                                              <p:attrName>ppt_x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strVal val="1+#ppt_w/2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x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 additive="base">
                                            <p:cTn id="25" dur="500" fill="hold"/>
                                            <p:tgtEl>
                                              <p:spTgt spid="13"/>
                                            </p:tgtEl>
                                            <p:attrNameLst>
                                              <p:attrName>ppt_y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strVal val="#ppt_y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y"/>
                                              </p:val>
                                            </p:tav>
                                          </p:tavLst>
                                        </p:anim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</p:childTnLst>
                  </p:cTn>
                  <p:prevCondLst>
                    <p:cond evt="onPrev" delay="0">
                      <p:tgtEl>
                        <p:sldTgt/>
                      </p:tgtEl>
                    </p:cond>
                  </p:prevCondLst>
                  <p:nextCondLst>
                    <p:cond evt="onNext" delay="0">
                      <p:tgtEl>
                        <p:sldTgt/>
                      </p:tgtEl>
                    </p:cond>
                  </p:nextCondLst>
                </p:seq>
              </p:childTnLst>
            </p:cTn>
          </p:par>
        </p:tnLst>
        <p:bldLst>
          <p:bldP spid="7" grpId="0" build="p">
            <p:tmplLst>
              <p:tmpl lvl="1">
                <p:tnLst>
                  <p:par>
                    <p:cTn presetID="22" presetClass="entr" presetSubtype="8" fill="hold" nodeType="afterEffect">
                      <p:stCondLst>
                        <p:cond delay="0"/>
                      </p:stCondLst>
                      <p:childTnLst>
                        <p:set>
                          <p:cBhvr>
                            <p:cTn dur="1" fill="hold">
                              <p:stCondLst>
                                <p:cond delay="0"/>
                              </p:stCondLst>
                            </p:cTn>
                            <p:tgtEl>
                              <p:spTgt spid="7"/>
                            </p:tgtEl>
                            <p:attrNameLst>
                              <p:attrName>style.visibility</p:attrName>
                            </p:attrNameLst>
                          </p:cBhvr>
                          <p:to>
                            <p:strVal val="visible"/>
                          </p:to>
                        </p:set>
                        <p:animEffect transition="in" filter="wipe(left)">
                          <p:cBhvr>
                            <p:cTn dur="500"/>
                            <p:tgtEl>
                              <p:spTgt spid="7"/>
                            </p:tgtEl>
                          </p:cBhvr>
                        </p:animEffect>
                      </p:childTnLst>
                    </p:cTn>
                  </p:par>
                </p:tnLst>
              </p:tmpl>
            </p:tmplLst>
          </p:bldP>
          <p:bldP spid="13" grpId="0">
            <p:tmplLst>
              <p:tmpl>
                <p:tnLst>
                  <p:par>
                    <p:cTn presetID="2" presetClass="entr" presetSubtype="2" fill="hold" nodeType="afterEffect">
                      <p:stCondLst>
                        <p:cond delay="0"/>
                      </p:stCondLst>
                      <p:childTnLst>
                        <p:set>
                          <p:cBhvr>
                            <p:cTn dur="1" fill="hold">
                              <p:stCondLst>
                                <p:cond delay="0"/>
                              </p:stCondLst>
                            </p:cTn>
                            <p:tgtEl>
                              <p:spTgt spid="13"/>
                            </p:tgtEl>
                            <p:attrNameLst>
                              <p:attrName>style.visibility</p:attrName>
                            </p:attrNameLst>
                          </p:cBhvr>
                          <p:to>
                            <p:strVal val="visible"/>
                          </p:to>
                        </p:set>
                        <p:anim calcmode="lin" valueType="num">
                          <p:cBhvr additive="base">
                            <p:cTn dur="500" fill="hold"/>
                            <p:tgtEl>
                              <p:spTgt spid="13"/>
                            </p:tgtEl>
                            <p:attrNameLst>
                              <p:attrName>ppt_x</p:attrName>
                            </p:attrNameLst>
                          </p:cBhvr>
                          <p:tavLst>
                            <p:tav tm="0">
                              <p:val>
                                <p:strVal val="1+#ppt_w/2"/>
                              </p:val>
                            </p:tav>
                            <p:tav tm="100000">
                              <p:val>
                                <p:strVal val="#ppt_x"/>
                              </p:val>
                            </p:tav>
                          </p:tavLst>
                        </p:anim>
                        <p:anim calcmode="lin" valueType="num">
                          <p:cBhvr additive="base">
                            <p:cTn dur="500" fill="hold"/>
                            <p:tgtEl>
                              <p:spTgt spid="13"/>
                            </p:tgtEl>
                            <p:attrNameLst>
                              <p:attrName>ppt_y</p:attrName>
                            </p:attrNameLst>
                          </p:cBhvr>
                          <p:tavLst>
                            <p:tav tm="0">
                              <p:val>
                                <p:strVal val="#ppt_y"/>
                              </p:val>
                            </p:tav>
                            <p:tav tm="100000">
                              <p:val>
                                <p:strVal val="#ppt_y"/>
                              </p:val>
                            </p:tav>
                          </p:tavLst>
                        </p:anim>
                      </p:childTnLst>
                    </p:cTn>
                  </p:par>
                </p:tnLst>
              </p:tmpl>
            </p:tmplLst>
          </p:bldP>
          <p:bldP spid="26" grpId="0"/>
          <p:bldP spid="27" grpId="0" animBg="1">
            <p:tmplLst>
              <p:tmpl>
                <p:tnLst>
                  <p:par>
                    <p:cTn presetID="10" presetClass="entr" presetSubtype="0" fill="hold" nodeType="withEffect">
                      <p:stCondLst>
                        <p:cond delay="0"/>
                      </p:stCondLst>
                      <p:childTnLst>
                        <p:set>
                          <p:cBhvr>
                            <p:cTn dur="1" fill="hold">
                              <p:stCondLst>
                                <p:cond delay="0"/>
                              </p:stCondLst>
                            </p:cTn>
                            <p:tgtEl>
                              <p:spTgt spid="27"/>
                            </p:tgtEl>
                            <p:attrNameLst>
                              <p:attrName>style.visibility</p:attrName>
                            </p:attrNameLst>
                          </p:cBhvr>
                          <p:to>
                            <p:strVal val="visible"/>
                          </p:to>
                        </p:set>
                        <p:animEffect transition="in" filter="fade">
                          <p:cBhvr>
                            <p:cTn dur="500"/>
                            <p:tgtEl>
                              <p:spTgt spid="27"/>
                            </p:tgtEl>
                          </p:cBhvr>
                        </p:animEffect>
                      </p:childTnLst>
                    </p:cTn>
                  </p:par>
                </p:tnLst>
              </p:tmpl>
            </p:tmplLst>
          </p:bldP>
          <p:bldP spid="28" grpId="0" animBg="1">
            <p:tmplLst>
              <p:tmpl>
                <p:tnLst>
                  <p:par>
                    <p:cTn presetID="10" presetClass="entr" presetSubtype="0" fill="hold" nodeType="afterEffect">
                      <p:stCondLst>
                        <p:cond delay="0"/>
                      </p:stCondLst>
                      <p:childTnLst>
                        <p:set>
                          <p:cBhvr>
                            <p:cTn dur="1" fill="hold">
                              <p:stCondLst>
                                <p:cond delay="0"/>
                              </p:stCondLst>
                            </p:cTn>
                            <p:tgtEl>
                              <p:spTgt spid="28"/>
                            </p:tgtEl>
                            <p:attrNameLst>
                              <p:attrName>style.visibility</p:attrName>
                            </p:attrNameLst>
                          </p:cBhvr>
                          <p:to>
                            <p:strVal val="visible"/>
                          </p:to>
                        </p:set>
                        <p:animEffect transition="in" filter="fade">
                          <p:cBhvr>
                            <p:cTn dur="500"/>
                            <p:tgtEl>
                              <p:spTgt spid="28"/>
                            </p:tgtEl>
                          </p:cBhvr>
                        </p:animEffect>
                      </p:childTnLst>
                    </p:cTn>
                  </p:par>
                </p:tnLst>
              </p:tmpl>
            </p:tmplLst>
          </p:bldP>
          <p:bldP spid="28" grpId="1" animBg="1">
            <p:tmplLst>
              <p:tmpl>
                <p:tnLst>
                  <p:par>
                    <p:cTn presetID="42" presetClass="path" presetSubtype="0" accel="50000" decel="50000" fill="hold" nodeType="afterEffect">
                      <p:stCondLst>
                        <p:cond delay="0"/>
                      </p:stCondLst>
                      <p:childTnLst>
                        <p:animMotion origin="layout" path="M -1.45833E-6 -3.7037E-6 L -0.18672 0.33149 " pathEditMode="relative" rAng="0" ptsTypes="AA">
                          <p:cBhvr>
                            <p:cTn dur="500" fill="hold"/>
                            <p:tgtEl>
                              <p:spTgt spid="28"/>
                            </p:tgtEl>
                            <p:attrNameLst>
                              <p:attrName>ppt_x</p:attrName>
                              <p:attrName>ppt_y</p:attrName>
                            </p:attrNameLst>
                          </p:cBhvr>
                          <p:rCtr x="-9336" y="16574"/>
                        </p:animMotion>
                      </p:childTnLst>
                    </p:cTn>
                  </p:par>
                </p:tnLst>
              </p:tmpl>
            </p:tmplLst>
          </p:bldP>
        </p:bldLst>
      </p:timing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Verbati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Espace réservé du texte 29">
            <a:extLst>
              <a:ext uri="{FF2B5EF4-FFF2-40B4-BE49-F238E27FC236}">
                <a16:creationId xmlns:a16="http://schemas.microsoft.com/office/drawing/2014/main" id="{78D47694-EB3E-B72C-126A-81923270E1AF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323156" y="1983994"/>
            <a:ext cx="10872779" cy="4875930"/>
          </a:xfrm>
          <a:custGeom>
            <a:avLst/>
            <a:gdLst>
              <a:gd name="connsiteX0" fmla="*/ 20883917 w 21734233"/>
              <a:gd name="connsiteY0" fmla="*/ 8901531 h 9751860"/>
              <a:gd name="connsiteX1" fmla="*/ 21734233 w 21734233"/>
              <a:gd name="connsiteY1" fmla="*/ 8901531 h 9751860"/>
              <a:gd name="connsiteX2" fmla="*/ 21734233 w 21734233"/>
              <a:gd name="connsiteY2" fmla="*/ 9751860 h 9751860"/>
              <a:gd name="connsiteX3" fmla="*/ 20883917 w 21734233"/>
              <a:gd name="connsiteY3" fmla="*/ 9751860 h 9751860"/>
              <a:gd name="connsiteX4" fmla="*/ 20017351 w 21734233"/>
              <a:gd name="connsiteY4" fmla="*/ 7185656 h 9751860"/>
              <a:gd name="connsiteX5" fmla="*/ 20867667 w 21734233"/>
              <a:gd name="connsiteY5" fmla="*/ 7185656 h 9751860"/>
              <a:gd name="connsiteX6" fmla="*/ 20867667 w 21734233"/>
              <a:gd name="connsiteY6" fmla="*/ 8035960 h 9751860"/>
              <a:gd name="connsiteX7" fmla="*/ 20017351 w 21734233"/>
              <a:gd name="connsiteY7" fmla="*/ 8035960 h 9751860"/>
              <a:gd name="connsiteX8" fmla="*/ 0 w 21734233"/>
              <a:gd name="connsiteY8" fmla="*/ 4411756 h 9751860"/>
              <a:gd name="connsiteX9" fmla="*/ 850316 w 21734233"/>
              <a:gd name="connsiteY9" fmla="*/ 4411756 h 9751860"/>
              <a:gd name="connsiteX10" fmla="*/ 850316 w 21734233"/>
              <a:gd name="connsiteY10" fmla="*/ 5262073 h 9751860"/>
              <a:gd name="connsiteX11" fmla="*/ 0 w 21734233"/>
              <a:gd name="connsiteY11" fmla="*/ 5262073 h 9751860"/>
              <a:gd name="connsiteX12" fmla="*/ 17416365 w 21734233"/>
              <a:gd name="connsiteY12" fmla="*/ 0 h 9751860"/>
              <a:gd name="connsiteX13" fmla="*/ 18264587 w 21734233"/>
              <a:gd name="connsiteY13" fmla="*/ 0 h 9751860"/>
              <a:gd name="connsiteX14" fmla="*/ 18264587 w 21734233"/>
              <a:gd name="connsiteY14" fmla="*/ 848209 h 9751860"/>
              <a:gd name="connsiteX15" fmla="*/ 18264053 w 21734233"/>
              <a:gd name="connsiteY15" fmla="*/ 848209 h 9751860"/>
              <a:gd name="connsiteX16" fmla="*/ 18264053 w 21734233"/>
              <a:gd name="connsiteY16" fmla="*/ 1684196 h 9751860"/>
              <a:gd name="connsiteX17" fmla="*/ 17415845 w 21734233"/>
              <a:gd name="connsiteY17" fmla="*/ 1684196 h 9751860"/>
              <a:gd name="connsiteX18" fmla="*/ 17415845 w 21734233"/>
              <a:gd name="connsiteY18" fmla="*/ 848539 h 9751860"/>
              <a:gd name="connsiteX19" fmla="*/ 16580163 w 21734233"/>
              <a:gd name="connsiteY19" fmla="*/ 848539 h 9751860"/>
              <a:gd name="connsiteX20" fmla="*/ 16580163 w 21734233"/>
              <a:gd name="connsiteY20" fmla="*/ 317 h 9751860"/>
              <a:gd name="connsiteX21" fmla="*/ 17416365 w 21734233"/>
              <a:gd name="connsiteY21" fmla="*/ 317 h 97518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</a:cxnLst>
            <a:rect l="l" t="t" r="r" b="b"/>
            <a:pathLst>
              <a:path w="21734233" h="9751860">
                <a:moveTo>
                  <a:pt x="20883917" y="8901531"/>
                </a:moveTo>
                <a:lnTo>
                  <a:pt x="21734233" y="8901531"/>
                </a:lnTo>
                <a:lnTo>
                  <a:pt x="21734233" y="9751860"/>
                </a:lnTo>
                <a:lnTo>
                  <a:pt x="20883917" y="9751860"/>
                </a:lnTo>
                <a:close/>
                <a:moveTo>
                  <a:pt x="20017351" y="7185656"/>
                </a:moveTo>
                <a:lnTo>
                  <a:pt x="20867667" y="7185656"/>
                </a:lnTo>
                <a:lnTo>
                  <a:pt x="20867667" y="8035960"/>
                </a:lnTo>
                <a:lnTo>
                  <a:pt x="20017351" y="8035960"/>
                </a:lnTo>
                <a:close/>
                <a:moveTo>
                  <a:pt x="0" y="4411756"/>
                </a:moveTo>
                <a:lnTo>
                  <a:pt x="850316" y="4411756"/>
                </a:lnTo>
                <a:lnTo>
                  <a:pt x="850316" y="5262073"/>
                </a:lnTo>
                <a:lnTo>
                  <a:pt x="0" y="5262073"/>
                </a:lnTo>
                <a:close/>
                <a:moveTo>
                  <a:pt x="17416365" y="0"/>
                </a:moveTo>
                <a:lnTo>
                  <a:pt x="18264587" y="0"/>
                </a:lnTo>
                <a:lnTo>
                  <a:pt x="18264587" y="848209"/>
                </a:lnTo>
                <a:lnTo>
                  <a:pt x="18264053" y="848209"/>
                </a:lnTo>
                <a:lnTo>
                  <a:pt x="18264053" y="1684196"/>
                </a:lnTo>
                <a:lnTo>
                  <a:pt x="17415845" y="1684196"/>
                </a:lnTo>
                <a:lnTo>
                  <a:pt x="17415845" y="848539"/>
                </a:lnTo>
                <a:lnTo>
                  <a:pt x="16580163" y="848539"/>
                </a:lnTo>
                <a:lnTo>
                  <a:pt x="16580163" y="317"/>
                </a:lnTo>
                <a:lnTo>
                  <a:pt x="17416365" y="317"/>
                </a:lnTo>
                <a:close/>
              </a:path>
            </a:pathLst>
          </a:custGeom>
          <a:solidFill>
            <a:srgbClr val="F0464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17" name="Espace réservé du texte 16">
            <a:extLst>
              <a:ext uri="{FF2B5EF4-FFF2-40B4-BE49-F238E27FC236}">
                <a16:creationId xmlns:a16="http://schemas.microsoft.com/office/drawing/2014/main" id="{B7CF3988-FE86-0424-9A22-AB64D2D66B7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" y="4706398"/>
            <a:ext cx="12192933" cy="867044"/>
          </a:xfrm>
          <a:custGeom>
            <a:avLst/>
            <a:gdLst>
              <a:gd name="connsiteX0" fmla="*/ 23522822 w 24373166"/>
              <a:gd name="connsiteY0" fmla="*/ 883745 h 1734088"/>
              <a:gd name="connsiteX1" fmla="*/ 24373166 w 24373166"/>
              <a:gd name="connsiteY1" fmla="*/ 883745 h 1734088"/>
              <a:gd name="connsiteX2" fmla="*/ 24373166 w 24373166"/>
              <a:gd name="connsiteY2" fmla="*/ 1734088 h 1734088"/>
              <a:gd name="connsiteX3" fmla="*/ 23522822 w 24373166"/>
              <a:gd name="connsiteY3" fmla="*/ 1734088 h 1734088"/>
              <a:gd name="connsiteX4" fmla="*/ 0 w 24373166"/>
              <a:gd name="connsiteY4" fmla="*/ 0 h 1734088"/>
              <a:gd name="connsiteX5" fmla="*/ 850342 w 24373166"/>
              <a:gd name="connsiteY5" fmla="*/ 0 h 1734088"/>
              <a:gd name="connsiteX6" fmla="*/ 850342 w 24373166"/>
              <a:gd name="connsiteY6" fmla="*/ 850343 h 1734088"/>
              <a:gd name="connsiteX7" fmla="*/ 0 w 24373166"/>
              <a:gd name="connsiteY7" fmla="*/ 850343 h 17340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24373166" h="1734088">
                <a:moveTo>
                  <a:pt x="23522822" y="883745"/>
                </a:moveTo>
                <a:lnTo>
                  <a:pt x="24373166" y="883745"/>
                </a:lnTo>
                <a:lnTo>
                  <a:pt x="24373166" y="1734088"/>
                </a:lnTo>
                <a:lnTo>
                  <a:pt x="23522822" y="1734088"/>
                </a:lnTo>
                <a:close/>
                <a:moveTo>
                  <a:pt x="0" y="0"/>
                </a:moveTo>
                <a:lnTo>
                  <a:pt x="850342" y="0"/>
                </a:lnTo>
                <a:lnTo>
                  <a:pt x="850342" y="850343"/>
                </a:lnTo>
                <a:lnTo>
                  <a:pt x="0" y="850343"/>
                </a:lnTo>
                <a:close/>
              </a:path>
            </a:pathLst>
          </a:custGeom>
          <a:solidFill>
            <a:srgbClr val="93CDDD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8" name="Titre 7">
            <a:extLst>
              <a:ext uri="{FF2B5EF4-FFF2-40B4-BE49-F238E27FC236}">
                <a16:creationId xmlns:a16="http://schemas.microsoft.com/office/drawing/2014/main" id="{5F6E359C-4298-321E-26A2-8336B5C7185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92023" y="2838571"/>
            <a:ext cx="8271877" cy="996427"/>
          </a:xfrm>
        </p:spPr>
        <p:txBody>
          <a:bodyPr anchor="ctr"/>
          <a:lstStyle>
            <a:lvl1pPr>
              <a:lnSpc>
                <a:spcPct val="84000"/>
              </a:lnSpc>
              <a:defRPr sz="7500">
                <a:solidFill>
                  <a:schemeClr val="bg1"/>
                </a:solidFill>
                <a:latin typeface="Poppins ExtraBold" panose="00000900000000000000" pitchFamily="2" charset="0"/>
                <a:cs typeface="Poppins ExtraBold" panose="00000900000000000000" pitchFamily="2" charset="0"/>
              </a:defRPr>
            </a:lvl1pPr>
          </a:lstStyle>
          <a:p>
            <a:endParaRPr lang="fr-FR"/>
          </a:p>
        </p:txBody>
      </p:sp>
      <p:sp>
        <p:nvSpPr>
          <p:cNvPr id="2" name="Espace réservé pour une image  24">
            <a:extLst>
              <a:ext uri="{FF2B5EF4-FFF2-40B4-BE49-F238E27FC236}">
                <a16:creationId xmlns:a16="http://schemas.microsoft.com/office/drawing/2014/main" id="{4FB1D79B-8928-BF38-B0F6-315528395787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0" y="1"/>
            <a:ext cx="12192000" cy="6856214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3" name="Espace réservé du numéro de diapositive 2">
            <a:extLst>
              <a:ext uri="{FF2B5EF4-FFF2-40B4-BE49-F238E27FC236}">
                <a16:creationId xmlns:a16="http://schemas.microsoft.com/office/drawing/2014/main" id="{068F20A7-AEFF-E87E-7CEC-8BE0B2689BF8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4" name="Espace réservé du pied de page 3">
            <a:extLst>
              <a:ext uri="{FF2B5EF4-FFF2-40B4-BE49-F238E27FC236}">
                <a16:creationId xmlns:a16="http://schemas.microsoft.com/office/drawing/2014/main" id="{AA97227C-8161-42CE-103C-23A3D7DB0C2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  <p:sp>
        <p:nvSpPr>
          <p:cNvPr id="21" name="Espace réservé du texte 20">
            <a:extLst>
              <a:ext uri="{FF2B5EF4-FFF2-40B4-BE49-F238E27FC236}">
                <a16:creationId xmlns:a16="http://schemas.microsoft.com/office/drawing/2014/main" id="{516B92E4-264A-9D33-1961-B6F073EE2EB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140815" y="421472"/>
            <a:ext cx="7769013" cy="1031315"/>
          </a:xfrm>
          <a:custGeom>
            <a:avLst/>
            <a:gdLst>
              <a:gd name="connsiteX0" fmla="*/ 0 w 7769013"/>
              <a:gd name="connsiteY0" fmla="*/ 606157 h 1031315"/>
              <a:gd name="connsiteX1" fmla="*/ 425381 w 7769013"/>
              <a:gd name="connsiteY1" fmla="*/ 606157 h 1031315"/>
              <a:gd name="connsiteX2" fmla="*/ 425381 w 7769013"/>
              <a:gd name="connsiteY2" fmla="*/ 1031315 h 1031315"/>
              <a:gd name="connsiteX3" fmla="*/ 0 w 7769013"/>
              <a:gd name="connsiteY3" fmla="*/ 1031315 h 1031315"/>
              <a:gd name="connsiteX4" fmla="*/ 7343633 w 7769013"/>
              <a:gd name="connsiteY4" fmla="*/ 0 h 1031315"/>
              <a:gd name="connsiteX5" fmla="*/ 7769013 w 7769013"/>
              <a:gd name="connsiteY5" fmla="*/ 0 h 1031315"/>
              <a:gd name="connsiteX6" fmla="*/ 7769013 w 7769013"/>
              <a:gd name="connsiteY6" fmla="*/ 425159 h 1031315"/>
              <a:gd name="connsiteX7" fmla="*/ 7343633 w 7769013"/>
              <a:gd name="connsiteY7" fmla="*/ 425159 h 10313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769013" h="1031315">
                <a:moveTo>
                  <a:pt x="0" y="606157"/>
                </a:moveTo>
                <a:lnTo>
                  <a:pt x="425381" y="606157"/>
                </a:lnTo>
                <a:lnTo>
                  <a:pt x="425381" y="1031315"/>
                </a:lnTo>
                <a:lnTo>
                  <a:pt x="0" y="1031315"/>
                </a:lnTo>
                <a:close/>
                <a:moveTo>
                  <a:pt x="7343633" y="0"/>
                </a:moveTo>
                <a:lnTo>
                  <a:pt x="7769013" y="0"/>
                </a:lnTo>
                <a:lnTo>
                  <a:pt x="7769013" y="425159"/>
                </a:lnTo>
                <a:lnTo>
                  <a:pt x="7343633" y="425159"/>
                </a:lnTo>
                <a:close/>
              </a:path>
            </a:pathLst>
          </a:custGeom>
          <a:solidFill>
            <a:srgbClr val="93CDDD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3269147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Espace réservé du texte 18">
            <a:extLst>
              <a:ext uri="{FF2B5EF4-FFF2-40B4-BE49-F238E27FC236}">
                <a16:creationId xmlns:a16="http://schemas.microsoft.com/office/drawing/2014/main" id="{4039AE59-7FD6-47D9-0FD0-0850C4E431C3}"/>
              </a:ext>
            </a:extLst>
          </p:cNvPr>
          <p:cNvSpPr txBox="1">
            <a:spLocks/>
          </p:cNvSpPr>
          <p:nvPr userDrawn="1"/>
        </p:nvSpPr>
        <p:spPr>
          <a:xfrm>
            <a:off x="11766371" y="6432591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rgbClr val="C4F6EF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234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ClrTx/>
              <a:buFont typeface="Wingdings" panose="05000000000000000000" pitchFamily="2" charset="2"/>
              <a:buChar char="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360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Poppins" panose="00000500000000000000" pitchFamily="2" charset="0"/>
              <a:buChar char="–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2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lang="fr-FR" sz="1200" b="1" kern="1200" cap="none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5pPr>
            <a:lvl6pPr marL="114300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4859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7145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9431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fr-FR"/>
              <a:t>.</a:t>
            </a:r>
          </a:p>
        </p:txBody>
      </p:sp>
      <p:sp>
        <p:nvSpPr>
          <p:cNvPr id="5" name="Espace réservé de l'élément multimédia 4">
            <a:extLst>
              <a:ext uri="{FF2B5EF4-FFF2-40B4-BE49-F238E27FC236}">
                <a16:creationId xmlns:a16="http://schemas.microsoft.com/office/drawing/2014/main" id="{4F137CF3-49E6-F043-8F58-FC8EC18563FD}"/>
              </a:ext>
            </a:extLst>
          </p:cNvPr>
          <p:cNvSpPr>
            <a:spLocks noGrp="1"/>
          </p:cNvSpPr>
          <p:nvPr>
            <p:ph type="media" sz="quarter" idx="10"/>
          </p:nvPr>
        </p:nvSpPr>
        <p:spPr>
          <a:xfrm>
            <a:off x="0" y="0"/>
            <a:ext cx="12192000" cy="6858000"/>
          </a:xfrm>
        </p:spPr>
        <p:txBody>
          <a:bodyPr>
            <a:noAutofit/>
          </a:bodyPr>
          <a:lstStyle>
            <a:lvl1pPr>
              <a:defRPr>
                <a:noFill/>
              </a:defRPr>
            </a:lvl1pPr>
          </a:lstStyle>
          <a:p>
            <a:endParaRPr lang="fr-FR"/>
          </a:p>
        </p:txBody>
      </p:sp>
      <p:sp>
        <p:nvSpPr>
          <p:cNvPr id="2" name="Espace réservé du numéro de diapositive 1">
            <a:extLst>
              <a:ext uri="{FF2B5EF4-FFF2-40B4-BE49-F238E27FC236}">
                <a16:creationId xmlns:a16="http://schemas.microsoft.com/office/drawing/2014/main" id="{549D2CFE-75BF-A016-4330-9404A3FA84D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3" name="Espace réservé du pied de page 2">
            <a:extLst>
              <a:ext uri="{FF2B5EF4-FFF2-40B4-BE49-F238E27FC236}">
                <a16:creationId xmlns:a16="http://schemas.microsoft.com/office/drawing/2014/main" id="{527F8BE7-5782-BF62-C7A6-1562ADD08450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fr-FR"/>
          </a:p>
        </p:txBody>
      </p:sp>
    </p:spTree>
    <p:extLst>
      <p:ext uri="{BB962C8B-B14F-4D97-AF65-F5344CB8AC3E}">
        <p14:creationId xmlns:p14="http://schemas.microsoft.com/office/powerpoint/2010/main" val="8031384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cl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object 2">
            <a:extLst>
              <a:ext uri="{FF2B5EF4-FFF2-40B4-BE49-F238E27FC236}">
                <a16:creationId xmlns:a16="http://schemas.microsoft.com/office/drawing/2014/main" id="{31C329BC-FFDC-4CD3-ABE4-D824343B7B3C}"/>
              </a:ext>
            </a:extLst>
          </p:cNvPr>
          <p:cNvSpPr/>
          <p:nvPr userDrawn="1"/>
        </p:nvSpPr>
        <p:spPr>
          <a:xfrm>
            <a:off x="10349184" y="739971"/>
            <a:ext cx="942499" cy="69056"/>
          </a:xfrm>
          <a:custGeom>
            <a:avLst/>
            <a:gdLst/>
            <a:ahLst/>
            <a:cxnLst/>
            <a:rect l="l" t="t" r="r" b="b"/>
            <a:pathLst>
              <a:path w="1256665" h="92075">
                <a:moveTo>
                  <a:pt x="1158062" y="19088"/>
                </a:moveTo>
                <a:lnTo>
                  <a:pt x="1141564" y="19088"/>
                </a:lnTo>
                <a:lnTo>
                  <a:pt x="1164450" y="69951"/>
                </a:lnTo>
                <a:lnTo>
                  <a:pt x="1184147" y="69951"/>
                </a:lnTo>
                <a:lnTo>
                  <a:pt x="1189028" y="58381"/>
                </a:lnTo>
                <a:lnTo>
                  <a:pt x="1174737" y="58381"/>
                </a:lnTo>
                <a:lnTo>
                  <a:pt x="1158062" y="19088"/>
                </a:lnTo>
                <a:close/>
              </a:path>
              <a:path w="1256665" h="92075">
                <a:moveTo>
                  <a:pt x="1214012" y="34544"/>
                </a:moveTo>
                <a:lnTo>
                  <a:pt x="1199083" y="34544"/>
                </a:lnTo>
                <a:lnTo>
                  <a:pt x="1214005" y="69951"/>
                </a:lnTo>
                <a:lnTo>
                  <a:pt x="1233703" y="69951"/>
                </a:lnTo>
                <a:lnTo>
                  <a:pt x="1238949" y="58293"/>
                </a:lnTo>
                <a:lnTo>
                  <a:pt x="1223429" y="58293"/>
                </a:lnTo>
                <a:lnTo>
                  <a:pt x="1214012" y="34544"/>
                </a:lnTo>
                <a:close/>
              </a:path>
              <a:path w="1256665" h="92075">
                <a:moveTo>
                  <a:pt x="1207884" y="19088"/>
                </a:moveTo>
                <a:lnTo>
                  <a:pt x="1190269" y="19088"/>
                </a:lnTo>
                <a:lnTo>
                  <a:pt x="1174737" y="58381"/>
                </a:lnTo>
                <a:lnTo>
                  <a:pt x="1189028" y="58381"/>
                </a:lnTo>
                <a:lnTo>
                  <a:pt x="1199083" y="34544"/>
                </a:lnTo>
                <a:lnTo>
                  <a:pt x="1214012" y="34544"/>
                </a:lnTo>
                <a:lnTo>
                  <a:pt x="1207884" y="19088"/>
                </a:lnTo>
                <a:close/>
              </a:path>
              <a:path w="1256665" h="92075">
                <a:moveTo>
                  <a:pt x="1256588" y="19088"/>
                </a:moveTo>
                <a:lnTo>
                  <a:pt x="1240091" y="19088"/>
                </a:lnTo>
                <a:lnTo>
                  <a:pt x="1223429" y="58293"/>
                </a:lnTo>
                <a:lnTo>
                  <a:pt x="1238949" y="58293"/>
                </a:lnTo>
                <a:lnTo>
                  <a:pt x="1256588" y="19088"/>
                </a:lnTo>
                <a:close/>
              </a:path>
              <a:path w="1256665" h="92075">
                <a:moveTo>
                  <a:pt x="1104366" y="18224"/>
                </a:moveTo>
                <a:lnTo>
                  <a:pt x="1089978" y="19704"/>
                </a:lnTo>
                <a:lnTo>
                  <a:pt x="1078855" y="24364"/>
                </a:lnTo>
                <a:lnTo>
                  <a:pt x="1071680" y="32540"/>
                </a:lnTo>
                <a:lnTo>
                  <a:pt x="1069136" y="44564"/>
                </a:lnTo>
                <a:lnTo>
                  <a:pt x="1071680" y="56531"/>
                </a:lnTo>
                <a:lnTo>
                  <a:pt x="1078855" y="64681"/>
                </a:lnTo>
                <a:lnTo>
                  <a:pt x="1089978" y="69335"/>
                </a:lnTo>
                <a:lnTo>
                  <a:pt x="1104366" y="70815"/>
                </a:lnTo>
                <a:lnTo>
                  <a:pt x="1118724" y="69335"/>
                </a:lnTo>
                <a:lnTo>
                  <a:pt x="1129855" y="64681"/>
                </a:lnTo>
                <a:lnTo>
                  <a:pt x="1135351" y="58458"/>
                </a:lnTo>
                <a:lnTo>
                  <a:pt x="1090637" y="58458"/>
                </a:lnTo>
                <a:lnTo>
                  <a:pt x="1083906" y="55092"/>
                </a:lnTo>
                <a:lnTo>
                  <a:pt x="1083906" y="33934"/>
                </a:lnTo>
                <a:lnTo>
                  <a:pt x="1090637" y="30568"/>
                </a:lnTo>
                <a:lnTo>
                  <a:pt x="1135317" y="30568"/>
                </a:lnTo>
                <a:lnTo>
                  <a:pt x="1129855" y="24364"/>
                </a:lnTo>
                <a:lnTo>
                  <a:pt x="1118724" y="19704"/>
                </a:lnTo>
                <a:lnTo>
                  <a:pt x="1104366" y="18224"/>
                </a:lnTo>
                <a:close/>
              </a:path>
              <a:path w="1256665" h="92075">
                <a:moveTo>
                  <a:pt x="1135317" y="30568"/>
                </a:moveTo>
                <a:lnTo>
                  <a:pt x="1118019" y="30568"/>
                </a:lnTo>
                <a:lnTo>
                  <a:pt x="1124750" y="33934"/>
                </a:lnTo>
                <a:lnTo>
                  <a:pt x="1124750" y="55092"/>
                </a:lnTo>
                <a:lnTo>
                  <a:pt x="1118019" y="58458"/>
                </a:lnTo>
                <a:lnTo>
                  <a:pt x="1135351" y="58458"/>
                </a:lnTo>
                <a:lnTo>
                  <a:pt x="1137052" y="56531"/>
                </a:lnTo>
                <a:lnTo>
                  <a:pt x="1139609" y="44564"/>
                </a:lnTo>
                <a:lnTo>
                  <a:pt x="1137052" y="32540"/>
                </a:lnTo>
                <a:lnTo>
                  <a:pt x="1135317" y="30568"/>
                </a:lnTo>
                <a:close/>
              </a:path>
              <a:path w="1256665" h="92075">
                <a:moveTo>
                  <a:pt x="1058354" y="863"/>
                </a:moveTo>
                <a:lnTo>
                  <a:pt x="1043584" y="863"/>
                </a:lnTo>
                <a:lnTo>
                  <a:pt x="1043584" y="69951"/>
                </a:lnTo>
                <a:lnTo>
                  <a:pt x="1058354" y="69951"/>
                </a:lnTo>
                <a:lnTo>
                  <a:pt x="1058354" y="863"/>
                </a:lnTo>
                <a:close/>
              </a:path>
              <a:path w="1256665" h="92075">
                <a:moveTo>
                  <a:pt x="1011313" y="31432"/>
                </a:moveTo>
                <a:lnTo>
                  <a:pt x="996467" y="31432"/>
                </a:lnTo>
                <a:lnTo>
                  <a:pt x="996467" y="69951"/>
                </a:lnTo>
                <a:lnTo>
                  <a:pt x="1011313" y="69951"/>
                </a:lnTo>
                <a:lnTo>
                  <a:pt x="1011313" y="31432"/>
                </a:lnTo>
                <a:close/>
              </a:path>
              <a:path w="1256665" h="92075">
                <a:moveTo>
                  <a:pt x="1032814" y="19088"/>
                </a:moveTo>
                <a:lnTo>
                  <a:pt x="983081" y="19088"/>
                </a:lnTo>
                <a:lnTo>
                  <a:pt x="983081" y="31432"/>
                </a:lnTo>
                <a:lnTo>
                  <a:pt x="1032814" y="31432"/>
                </a:lnTo>
                <a:lnTo>
                  <a:pt x="1032814" y="19088"/>
                </a:lnTo>
                <a:close/>
              </a:path>
              <a:path w="1256665" h="92075">
                <a:moveTo>
                  <a:pt x="1025296" y="0"/>
                </a:moveTo>
                <a:lnTo>
                  <a:pt x="1017523" y="0"/>
                </a:lnTo>
                <a:lnTo>
                  <a:pt x="1007970" y="931"/>
                </a:lnTo>
                <a:lnTo>
                  <a:pt x="1001428" y="3759"/>
                </a:lnTo>
                <a:lnTo>
                  <a:pt x="997669" y="8529"/>
                </a:lnTo>
                <a:lnTo>
                  <a:pt x="996467" y="15290"/>
                </a:lnTo>
                <a:lnTo>
                  <a:pt x="996467" y="19088"/>
                </a:lnTo>
                <a:lnTo>
                  <a:pt x="1011313" y="19088"/>
                </a:lnTo>
                <a:lnTo>
                  <a:pt x="1011567" y="12700"/>
                </a:lnTo>
                <a:lnTo>
                  <a:pt x="1013726" y="10883"/>
                </a:lnTo>
                <a:lnTo>
                  <a:pt x="1032814" y="10883"/>
                </a:lnTo>
                <a:lnTo>
                  <a:pt x="1032814" y="863"/>
                </a:lnTo>
                <a:lnTo>
                  <a:pt x="1025296" y="0"/>
                </a:lnTo>
                <a:close/>
              </a:path>
              <a:path w="1256665" h="92075">
                <a:moveTo>
                  <a:pt x="1032814" y="10883"/>
                </a:moveTo>
                <a:lnTo>
                  <a:pt x="1025994" y="10883"/>
                </a:lnTo>
                <a:lnTo>
                  <a:pt x="1029449" y="11061"/>
                </a:lnTo>
                <a:lnTo>
                  <a:pt x="1032814" y="11315"/>
                </a:lnTo>
                <a:lnTo>
                  <a:pt x="1032814" y="10883"/>
                </a:lnTo>
                <a:close/>
              </a:path>
              <a:path w="1256665" h="92075">
                <a:moveTo>
                  <a:pt x="926706" y="863"/>
                </a:moveTo>
                <a:lnTo>
                  <a:pt x="911936" y="863"/>
                </a:lnTo>
                <a:lnTo>
                  <a:pt x="911936" y="69951"/>
                </a:lnTo>
                <a:lnTo>
                  <a:pt x="926706" y="69951"/>
                </a:lnTo>
                <a:lnTo>
                  <a:pt x="926706" y="863"/>
                </a:lnTo>
                <a:close/>
              </a:path>
              <a:path w="1256665" h="92075">
                <a:moveTo>
                  <a:pt x="870343" y="37401"/>
                </a:moveTo>
                <a:lnTo>
                  <a:pt x="861631" y="37401"/>
                </a:lnTo>
                <a:lnTo>
                  <a:pt x="850026" y="38252"/>
                </a:lnTo>
                <a:lnTo>
                  <a:pt x="840244" y="41117"/>
                </a:lnTo>
                <a:lnTo>
                  <a:pt x="833492" y="46461"/>
                </a:lnTo>
                <a:lnTo>
                  <a:pt x="830973" y="54749"/>
                </a:lnTo>
                <a:lnTo>
                  <a:pt x="832585" y="62103"/>
                </a:lnTo>
                <a:lnTo>
                  <a:pt x="837199" y="67087"/>
                </a:lnTo>
                <a:lnTo>
                  <a:pt x="844486" y="69919"/>
                </a:lnTo>
                <a:lnTo>
                  <a:pt x="854113" y="70815"/>
                </a:lnTo>
                <a:lnTo>
                  <a:pt x="862743" y="70313"/>
                </a:lnTo>
                <a:lnTo>
                  <a:pt x="870702" y="68880"/>
                </a:lnTo>
                <a:lnTo>
                  <a:pt x="878094" y="66620"/>
                </a:lnTo>
                <a:lnTo>
                  <a:pt x="885024" y="63639"/>
                </a:lnTo>
                <a:lnTo>
                  <a:pt x="899871" y="63639"/>
                </a:lnTo>
                <a:lnTo>
                  <a:pt x="899871" y="59931"/>
                </a:lnTo>
                <a:lnTo>
                  <a:pt x="850658" y="59931"/>
                </a:lnTo>
                <a:lnTo>
                  <a:pt x="845731" y="59499"/>
                </a:lnTo>
                <a:lnTo>
                  <a:pt x="845731" y="48971"/>
                </a:lnTo>
                <a:lnTo>
                  <a:pt x="852385" y="47066"/>
                </a:lnTo>
                <a:lnTo>
                  <a:pt x="899871" y="47066"/>
                </a:lnTo>
                <a:lnTo>
                  <a:pt x="899871" y="44297"/>
                </a:lnTo>
                <a:lnTo>
                  <a:pt x="899248" y="41021"/>
                </a:lnTo>
                <a:lnTo>
                  <a:pt x="885024" y="41021"/>
                </a:lnTo>
                <a:lnTo>
                  <a:pt x="878382" y="38773"/>
                </a:lnTo>
                <a:lnTo>
                  <a:pt x="870343" y="37401"/>
                </a:lnTo>
                <a:close/>
              </a:path>
              <a:path w="1256665" h="92075">
                <a:moveTo>
                  <a:pt x="899871" y="63639"/>
                </a:moveTo>
                <a:lnTo>
                  <a:pt x="885024" y="63639"/>
                </a:lnTo>
                <a:lnTo>
                  <a:pt x="885024" y="69951"/>
                </a:lnTo>
                <a:lnTo>
                  <a:pt x="899871" y="69951"/>
                </a:lnTo>
                <a:lnTo>
                  <a:pt x="899871" y="63639"/>
                </a:lnTo>
                <a:close/>
              </a:path>
              <a:path w="1256665" h="92075">
                <a:moveTo>
                  <a:pt x="899871" y="47066"/>
                </a:moveTo>
                <a:lnTo>
                  <a:pt x="872858" y="47066"/>
                </a:lnTo>
                <a:lnTo>
                  <a:pt x="879843" y="48526"/>
                </a:lnTo>
                <a:lnTo>
                  <a:pt x="885024" y="50177"/>
                </a:lnTo>
                <a:lnTo>
                  <a:pt x="885024" y="54152"/>
                </a:lnTo>
                <a:lnTo>
                  <a:pt x="878782" y="56432"/>
                </a:lnTo>
                <a:lnTo>
                  <a:pt x="871850" y="58266"/>
                </a:lnTo>
                <a:lnTo>
                  <a:pt x="864834" y="59487"/>
                </a:lnTo>
                <a:lnTo>
                  <a:pt x="858342" y="59931"/>
                </a:lnTo>
                <a:lnTo>
                  <a:pt x="899871" y="59931"/>
                </a:lnTo>
                <a:lnTo>
                  <a:pt x="899871" y="47066"/>
                </a:lnTo>
                <a:close/>
              </a:path>
              <a:path w="1256665" h="92075">
                <a:moveTo>
                  <a:pt x="896313" y="30568"/>
                </a:moveTo>
                <a:lnTo>
                  <a:pt x="872591" y="30568"/>
                </a:lnTo>
                <a:lnTo>
                  <a:pt x="885024" y="31356"/>
                </a:lnTo>
                <a:lnTo>
                  <a:pt x="885024" y="41021"/>
                </a:lnTo>
                <a:lnTo>
                  <a:pt x="899248" y="41021"/>
                </a:lnTo>
                <a:lnTo>
                  <a:pt x="897554" y="32101"/>
                </a:lnTo>
                <a:lnTo>
                  <a:pt x="896313" y="30568"/>
                </a:lnTo>
                <a:close/>
              </a:path>
              <a:path w="1256665" h="92075">
                <a:moveTo>
                  <a:pt x="866381" y="18224"/>
                </a:moveTo>
                <a:lnTo>
                  <a:pt x="858482" y="18572"/>
                </a:lnTo>
                <a:lnTo>
                  <a:pt x="850692" y="19592"/>
                </a:lnTo>
                <a:lnTo>
                  <a:pt x="842951" y="21246"/>
                </a:lnTo>
                <a:lnTo>
                  <a:pt x="835202" y="23495"/>
                </a:lnTo>
                <a:lnTo>
                  <a:pt x="840473" y="34277"/>
                </a:lnTo>
                <a:lnTo>
                  <a:pt x="847882" y="32390"/>
                </a:lnTo>
                <a:lnTo>
                  <a:pt x="854502" y="31261"/>
                </a:lnTo>
                <a:lnTo>
                  <a:pt x="860409" y="30712"/>
                </a:lnTo>
                <a:lnTo>
                  <a:pt x="865682" y="30568"/>
                </a:lnTo>
                <a:lnTo>
                  <a:pt x="896313" y="30568"/>
                </a:lnTo>
                <a:lnTo>
                  <a:pt x="891027" y="24041"/>
                </a:lnTo>
                <a:lnTo>
                  <a:pt x="880549" y="19590"/>
                </a:lnTo>
                <a:lnTo>
                  <a:pt x="866381" y="18224"/>
                </a:lnTo>
                <a:close/>
              </a:path>
              <a:path w="1256665" h="92075">
                <a:moveTo>
                  <a:pt x="796963" y="31432"/>
                </a:moveTo>
                <a:lnTo>
                  <a:pt x="782116" y="31432"/>
                </a:lnTo>
                <a:lnTo>
                  <a:pt x="782116" y="54673"/>
                </a:lnTo>
                <a:lnTo>
                  <a:pt x="783645" y="61926"/>
                </a:lnTo>
                <a:lnTo>
                  <a:pt x="787992" y="66949"/>
                </a:lnTo>
                <a:lnTo>
                  <a:pt x="794798" y="69870"/>
                </a:lnTo>
                <a:lnTo>
                  <a:pt x="803706" y="70815"/>
                </a:lnTo>
                <a:lnTo>
                  <a:pt x="810526" y="70815"/>
                </a:lnTo>
                <a:lnTo>
                  <a:pt x="816140" y="70383"/>
                </a:lnTo>
                <a:lnTo>
                  <a:pt x="821054" y="69507"/>
                </a:lnTo>
                <a:lnTo>
                  <a:pt x="821054" y="58458"/>
                </a:lnTo>
                <a:lnTo>
                  <a:pt x="798868" y="58458"/>
                </a:lnTo>
                <a:lnTo>
                  <a:pt x="796963" y="55956"/>
                </a:lnTo>
                <a:lnTo>
                  <a:pt x="796963" y="31432"/>
                </a:lnTo>
                <a:close/>
              </a:path>
              <a:path w="1256665" h="92075">
                <a:moveTo>
                  <a:pt x="821054" y="57607"/>
                </a:moveTo>
                <a:lnTo>
                  <a:pt x="815098" y="58458"/>
                </a:lnTo>
                <a:lnTo>
                  <a:pt x="821054" y="58458"/>
                </a:lnTo>
                <a:lnTo>
                  <a:pt x="821054" y="57607"/>
                </a:lnTo>
                <a:close/>
              </a:path>
              <a:path w="1256665" h="92075">
                <a:moveTo>
                  <a:pt x="821054" y="19088"/>
                </a:moveTo>
                <a:lnTo>
                  <a:pt x="768730" y="19088"/>
                </a:lnTo>
                <a:lnTo>
                  <a:pt x="768730" y="31432"/>
                </a:lnTo>
                <a:lnTo>
                  <a:pt x="821054" y="31432"/>
                </a:lnTo>
                <a:lnTo>
                  <a:pt x="821054" y="19088"/>
                </a:lnTo>
                <a:close/>
              </a:path>
              <a:path w="1256665" h="92075">
                <a:moveTo>
                  <a:pt x="796963" y="4318"/>
                </a:moveTo>
                <a:lnTo>
                  <a:pt x="782116" y="8547"/>
                </a:lnTo>
                <a:lnTo>
                  <a:pt x="782116" y="19088"/>
                </a:lnTo>
                <a:lnTo>
                  <a:pt x="796963" y="19088"/>
                </a:lnTo>
                <a:lnTo>
                  <a:pt x="796963" y="4318"/>
                </a:lnTo>
                <a:close/>
              </a:path>
              <a:path w="1256665" h="92075">
                <a:moveTo>
                  <a:pt x="758456" y="19088"/>
                </a:moveTo>
                <a:lnTo>
                  <a:pt x="743699" y="19088"/>
                </a:lnTo>
                <a:lnTo>
                  <a:pt x="743699" y="69951"/>
                </a:lnTo>
                <a:lnTo>
                  <a:pt x="758456" y="69951"/>
                </a:lnTo>
                <a:lnTo>
                  <a:pt x="758456" y="19088"/>
                </a:lnTo>
                <a:close/>
              </a:path>
              <a:path w="1256665" h="92075">
                <a:moveTo>
                  <a:pt x="758456" y="863"/>
                </a:moveTo>
                <a:lnTo>
                  <a:pt x="743699" y="863"/>
                </a:lnTo>
                <a:lnTo>
                  <a:pt x="743699" y="13728"/>
                </a:lnTo>
                <a:lnTo>
                  <a:pt x="758456" y="13728"/>
                </a:lnTo>
                <a:lnTo>
                  <a:pt x="758456" y="863"/>
                </a:lnTo>
                <a:close/>
              </a:path>
              <a:path w="1256665" h="92075">
                <a:moveTo>
                  <a:pt x="666610" y="75565"/>
                </a:moveTo>
                <a:lnTo>
                  <a:pt x="666610" y="87477"/>
                </a:lnTo>
                <a:lnTo>
                  <a:pt x="671585" y="88657"/>
                </a:lnTo>
                <a:lnTo>
                  <a:pt x="678845" y="89989"/>
                </a:lnTo>
                <a:lnTo>
                  <a:pt x="687950" y="91078"/>
                </a:lnTo>
                <a:lnTo>
                  <a:pt x="698461" y="91528"/>
                </a:lnTo>
                <a:lnTo>
                  <a:pt x="711770" y="89802"/>
                </a:lnTo>
                <a:lnTo>
                  <a:pt x="722266" y="84448"/>
                </a:lnTo>
                <a:lnTo>
                  <a:pt x="726188" y="79184"/>
                </a:lnTo>
                <a:lnTo>
                  <a:pt x="695185" y="79184"/>
                </a:lnTo>
                <a:lnTo>
                  <a:pt x="686821" y="78776"/>
                </a:lnTo>
                <a:lnTo>
                  <a:pt x="678921" y="77793"/>
                </a:lnTo>
                <a:lnTo>
                  <a:pt x="672009" y="76602"/>
                </a:lnTo>
                <a:lnTo>
                  <a:pt x="666610" y="75565"/>
                </a:lnTo>
                <a:close/>
              </a:path>
              <a:path w="1256665" h="92075">
                <a:moveTo>
                  <a:pt x="731621" y="60274"/>
                </a:moveTo>
                <a:lnTo>
                  <a:pt x="716775" y="60274"/>
                </a:lnTo>
                <a:lnTo>
                  <a:pt x="715294" y="68731"/>
                </a:lnTo>
                <a:lnTo>
                  <a:pt x="711485" y="74620"/>
                </a:lnTo>
                <a:lnTo>
                  <a:pt x="704923" y="78063"/>
                </a:lnTo>
                <a:lnTo>
                  <a:pt x="695185" y="79184"/>
                </a:lnTo>
                <a:lnTo>
                  <a:pt x="726188" y="79184"/>
                </a:lnTo>
                <a:lnTo>
                  <a:pt x="729149" y="75209"/>
                </a:lnTo>
                <a:lnTo>
                  <a:pt x="731621" y="61823"/>
                </a:lnTo>
                <a:lnTo>
                  <a:pt x="731621" y="60274"/>
                </a:lnTo>
                <a:close/>
              </a:path>
              <a:path w="1256665" h="92075">
                <a:moveTo>
                  <a:pt x="691045" y="18224"/>
                </a:moveTo>
                <a:lnTo>
                  <a:pt x="679021" y="19691"/>
                </a:lnTo>
                <a:lnTo>
                  <a:pt x="669570" y="24268"/>
                </a:lnTo>
                <a:lnTo>
                  <a:pt x="663389" y="32213"/>
                </a:lnTo>
                <a:lnTo>
                  <a:pt x="661174" y="43789"/>
                </a:lnTo>
                <a:lnTo>
                  <a:pt x="663389" y="55352"/>
                </a:lnTo>
                <a:lnTo>
                  <a:pt x="669570" y="63295"/>
                </a:lnTo>
                <a:lnTo>
                  <a:pt x="679021" y="67872"/>
                </a:lnTo>
                <a:lnTo>
                  <a:pt x="691045" y="69342"/>
                </a:lnTo>
                <a:lnTo>
                  <a:pt x="699399" y="68727"/>
                </a:lnTo>
                <a:lnTo>
                  <a:pt x="706467" y="66946"/>
                </a:lnTo>
                <a:lnTo>
                  <a:pt x="712256" y="64096"/>
                </a:lnTo>
                <a:lnTo>
                  <a:pt x="716775" y="60274"/>
                </a:lnTo>
                <a:lnTo>
                  <a:pt x="731621" y="60274"/>
                </a:lnTo>
                <a:lnTo>
                  <a:pt x="731621" y="56997"/>
                </a:lnTo>
                <a:lnTo>
                  <a:pt x="682497" y="56997"/>
                </a:lnTo>
                <a:lnTo>
                  <a:pt x="675932" y="53111"/>
                </a:lnTo>
                <a:lnTo>
                  <a:pt x="675932" y="34467"/>
                </a:lnTo>
                <a:lnTo>
                  <a:pt x="682497" y="30568"/>
                </a:lnTo>
                <a:lnTo>
                  <a:pt x="731621" y="30568"/>
                </a:lnTo>
                <a:lnTo>
                  <a:pt x="731621" y="27292"/>
                </a:lnTo>
                <a:lnTo>
                  <a:pt x="716775" y="27292"/>
                </a:lnTo>
                <a:lnTo>
                  <a:pt x="712306" y="23475"/>
                </a:lnTo>
                <a:lnTo>
                  <a:pt x="706534" y="20624"/>
                </a:lnTo>
                <a:lnTo>
                  <a:pt x="699449" y="18841"/>
                </a:lnTo>
                <a:lnTo>
                  <a:pt x="691045" y="18224"/>
                </a:lnTo>
                <a:close/>
              </a:path>
              <a:path w="1256665" h="92075">
                <a:moveTo>
                  <a:pt x="731621" y="30568"/>
                </a:moveTo>
                <a:lnTo>
                  <a:pt x="710298" y="30568"/>
                </a:lnTo>
                <a:lnTo>
                  <a:pt x="716775" y="34467"/>
                </a:lnTo>
                <a:lnTo>
                  <a:pt x="716775" y="53111"/>
                </a:lnTo>
                <a:lnTo>
                  <a:pt x="710298" y="56997"/>
                </a:lnTo>
                <a:lnTo>
                  <a:pt x="731621" y="56997"/>
                </a:lnTo>
                <a:lnTo>
                  <a:pt x="731621" y="30568"/>
                </a:lnTo>
                <a:close/>
              </a:path>
              <a:path w="1256665" h="92075">
                <a:moveTo>
                  <a:pt x="731621" y="19088"/>
                </a:moveTo>
                <a:lnTo>
                  <a:pt x="716775" y="19088"/>
                </a:lnTo>
                <a:lnTo>
                  <a:pt x="716775" y="27292"/>
                </a:lnTo>
                <a:lnTo>
                  <a:pt x="731621" y="27292"/>
                </a:lnTo>
                <a:lnTo>
                  <a:pt x="731621" y="19088"/>
                </a:lnTo>
                <a:close/>
              </a:path>
              <a:path w="1256665" h="92075">
                <a:moveTo>
                  <a:pt x="650379" y="19088"/>
                </a:moveTo>
                <a:lnTo>
                  <a:pt x="635609" y="19088"/>
                </a:lnTo>
                <a:lnTo>
                  <a:pt x="635609" y="69951"/>
                </a:lnTo>
                <a:lnTo>
                  <a:pt x="650379" y="69951"/>
                </a:lnTo>
                <a:lnTo>
                  <a:pt x="650379" y="19088"/>
                </a:lnTo>
                <a:close/>
              </a:path>
              <a:path w="1256665" h="92075">
                <a:moveTo>
                  <a:pt x="650379" y="863"/>
                </a:moveTo>
                <a:lnTo>
                  <a:pt x="635609" y="863"/>
                </a:lnTo>
                <a:lnTo>
                  <a:pt x="635609" y="13728"/>
                </a:lnTo>
                <a:lnTo>
                  <a:pt x="650379" y="13728"/>
                </a:lnTo>
                <a:lnTo>
                  <a:pt x="650379" y="863"/>
                </a:lnTo>
                <a:close/>
              </a:path>
              <a:path w="1256665" h="92075">
                <a:moveTo>
                  <a:pt x="583387" y="18224"/>
                </a:moveTo>
                <a:lnTo>
                  <a:pt x="571773" y="19607"/>
                </a:lnTo>
                <a:lnTo>
                  <a:pt x="562121" y="24107"/>
                </a:lnTo>
                <a:lnTo>
                  <a:pt x="555526" y="32251"/>
                </a:lnTo>
                <a:lnTo>
                  <a:pt x="553084" y="44564"/>
                </a:lnTo>
                <a:lnTo>
                  <a:pt x="555526" y="56863"/>
                </a:lnTo>
                <a:lnTo>
                  <a:pt x="562121" y="64976"/>
                </a:lnTo>
                <a:lnTo>
                  <a:pt x="571773" y="69445"/>
                </a:lnTo>
                <a:lnTo>
                  <a:pt x="583387" y="70815"/>
                </a:lnTo>
                <a:lnTo>
                  <a:pt x="591206" y="70252"/>
                </a:lnTo>
                <a:lnTo>
                  <a:pt x="598125" y="68580"/>
                </a:lnTo>
                <a:lnTo>
                  <a:pt x="604025" y="65821"/>
                </a:lnTo>
                <a:lnTo>
                  <a:pt x="608787" y="62001"/>
                </a:lnTo>
                <a:lnTo>
                  <a:pt x="623544" y="62001"/>
                </a:lnTo>
                <a:lnTo>
                  <a:pt x="623544" y="58458"/>
                </a:lnTo>
                <a:lnTo>
                  <a:pt x="575106" y="58458"/>
                </a:lnTo>
                <a:lnTo>
                  <a:pt x="567943" y="54571"/>
                </a:lnTo>
                <a:lnTo>
                  <a:pt x="567943" y="34467"/>
                </a:lnTo>
                <a:lnTo>
                  <a:pt x="575106" y="30568"/>
                </a:lnTo>
                <a:lnTo>
                  <a:pt x="623544" y="30568"/>
                </a:lnTo>
                <a:lnTo>
                  <a:pt x="623544" y="27025"/>
                </a:lnTo>
                <a:lnTo>
                  <a:pt x="608787" y="27025"/>
                </a:lnTo>
                <a:lnTo>
                  <a:pt x="604025" y="23212"/>
                </a:lnTo>
                <a:lnTo>
                  <a:pt x="598125" y="20458"/>
                </a:lnTo>
                <a:lnTo>
                  <a:pt x="591206" y="18787"/>
                </a:lnTo>
                <a:lnTo>
                  <a:pt x="583387" y="18224"/>
                </a:lnTo>
                <a:close/>
              </a:path>
              <a:path w="1256665" h="92075">
                <a:moveTo>
                  <a:pt x="623544" y="62001"/>
                </a:moveTo>
                <a:lnTo>
                  <a:pt x="608787" y="62001"/>
                </a:lnTo>
                <a:lnTo>
                  <a:pt x="608787" y="69951"/>
                </a:lnTo>
                <a:lnTo>
                  <a:pt x="623544" y="69951"/>
                </a:lnTo>
                <a:lnTo>
                  <a:pt x="623544" y="62001"/>
                </a:lnTo>
                <a:close/>
              </a:path>
              <a:path w="1256665" h="92075">
                <a:moveTo>
                  <a:pt x="623544" y="30568"/>
                </a:moveTo>
                <a:lnTo>
                  <a:pt x="601522" y="30568"/>
                </a:lnTo>
                <a:lnTo>
                  <a:pt x="608787" y="34467"/>
                </a:lnTo>
                <a:lnTo>
                  <a:pt x="608787" y="54571"/>
                </a:lnTo>
                <a:lnTo>
                  <a:pt x="601522" y="58458"/>
                </a:lnTo>
                <a:lnTo>
                  <a:pt x="623544" y="58458"/>
                </a:lnTo>
                <a:lnTo>
                  <a:pt x="623544" y="30568"/>
                </a:lnTo>
                <a:close/>
              </a:path>
              <a:path w="1256665" h="92075">
                <a:moveTo>
                  <a:pt x="623544" y="863"/>
                </a:moveTo>
                <a:lnTo>
                  <a:pt x="608787" y="863"/>
                </a:lnTo>
                <a:lnTo>
                  <a:pt x="608787" y="27025"/>
                </a:lnTo>
                <a:lnTo>
                  <a:pt x="623544" y="27025"/>
                </a:lnTo>
                <a:lnTo>
                  <a:pt x="623544" y="863"/>
                </a:lnTo>
                <a:close/>
              </a:path>
              <a:path w="1256665" h="92075">
                <a:moveTo>
                  <a:pt x="462800" y="18224"/>
                </a:moveTo>
                <a:lnTo>
                  <a:pt x="448589" y="19704"/>
                </a:lnTo>
                <a:lnTo>
                  <a:pt x="437446" y="24364"/>
                </a:lnTo>
                <a:lnTo>
                  <a:pt x="430173" y="32540"/>
                </a:lnTo>
                <a:lnTo>
                  <a:pt x="427570" y="44564"/>
                </a:lnTo>
                <a:lnTo>
                  <a:pt x="430220" y="56531"/>
                </a:lnTo>
                <a:lnTo>
                  <a:pt x="437500" y="64681"/>
                </a:lnTo>
                <a:lnTo>
                  <a:pt x="448407" y="69335"/>
                </a:lnTo>
                <a:lnTo>
                  <a:pt x="461937" y="70815"/>
                </a:lnTo>
                <a:lnTo>
                  <a:pt x="474841" y="69652"/>
                </a:lnTo>
                <a:lnTo>
                  <a:pt x="485132" y="66124"/>
                </a:lnTo>
                <a:lnTo>
                  <a:pt x="492524" y="60169"/>
                </a:lnTo>
                <a:lnTo>
                  <a:pt x="493200" y="58813"/>
                </a:lnTo>
                <a:lnTo>
                  <a:pt x="452094" y="58813"/>
                </a:lnTo>
                <a:lnTo>
                  <a:pt x="444322" y="56134"/>
                </a:lnTo>
                <a:lnTo>
                  <a:pt x="442683" y="48006"/>
                </a:lnTo>
                <a:lnTo>
                  <a:pt x="497585" y="48006"/>
                </a:lnTo>
                <a:lnTo>
                  <a:pt x="495815" y="38608"/>
                </a:lnTo>
                <a:lnTo>
                  <a:pt x="443191" y="38608"/>
                </a:lnTo>
                <a:lnTo>
                  <a:pt x="445528" y="31432"/>
                </a:lnTo>
                <a:lnTo>
                  <a:pt x="452615" y="29451"/>
                </a:lnTo>
                <a:lnTo>
                  <a:pt x="491513" y="29451"/>
                </a:lnTo>
                <a:lnTo>
                  <a:pt x="487446" y="24437"/>
                </a:lnTo>
                <a:lnTo>
                  <a:pt x="476395" y="19623"/>
                </a:lnTo>
                <a:lnTo>
                  <a:pt x="462800" y="18224"/>
                </a:lnTo>
                <a:close/>
              </a:path>
              <a:path w="1256665" h="92075">
                <a:moveTo>
                  <a:pt x="496735" y="51727"/>
                </a:moveTo>
                <a:lnTo>
                  <a:pt x="482053" y="51727"/>
                </a:lnTo>
                <a:lnTo>
                  <a:pt x="478345" y="56908"/>
                </a:lnTo>
                <a:lnTo>
                  <a:pt x="472122" y="58813"/>
                </a:lnTo>
                <a:lnTo>
                  <a:pt x="493200" y="58813"/>
                </a:lnTo>
                <a:lnTo>
                  <a:pt x="496735" y="51727"/>
                </a:lnTo>
                <a:close/>
              </a:path>
              <a:path w="1256665" h="92075">
                <a:moveTo>
                  <a:pt x="491513" y="29451"/>
                </a:moveTo>
                <a:lnTo>
                  <a:pt x="472046" y="29451"/>
                </a:lnTo>
                <a:lnTo>
                  <a:pt x="479297" y="31432"/>
                </a:lnTo>
                <a:lnTo>
                  <a:pt x="481787" y="38608"/>
                </a:lnTo>
                <a:lnTo>
                  <a:pt x="495815" y="38608"/>
                </a:lnTo>
                <a:lnTo>
                  <a:pt x="494870" y="33590"/>
                </a:lnTo>
                <a:lnTo>
                  <a:pt x="491513" y="29451"/>
                </a:lnTo>
                <a:close/>
              </a:path>
              <a:path w="1256665" h="92075">
                <a:moveTo>
                  <a:pt x="368858" y="19088"/>
                </a:moveTo>
                <a:lnTo>
                  <a:pt x="352463" y="19088"/>
                </a:lnTo>
                <a:lnTo>
                  <a:pt x="378193" y="69951"/>
                </a:lnTo>
                <a:lnTo>
                  <a:pt x="399262" y="69951"/>
                </a:lnTo>
                <a:lnTo>
                  <a:pt x="404565" y="59499"/>
                </a:lnTo>
                <a:lnTo>
                  <a:pt x="388810" y="59499"/>
                </a:lnTo>
                <a:lnTo>
                  <a:pt x="368858" y="19088"/>
                </a:lnTo>
                <a:close/>
              </a:path>
              <a:path w="1256665" h="92075">
                <a:moveTo>
                  <a:pt x="425068" y="19088"/>
                </a:moveTo>
                <a:lnTo>
                  <a:pt x="408673" y="19088"/>
                </a:lnTo>
                <a:lnTo>
                  <a:pt x="388810" y="59499"/>
                </a:lnTo>
                <a:lnTo>
                  <a:pt x="404565" y="59499"/>
                </a:lnTo>
                <a:lnTo>
                  <a:pt x="425068" y="19088"/>
                </a:lnTo>
                <a:close/>
              </a:path>
              <a:path w="1256665" h="92075">
                <a:moveTo>
                  <a:pt x="343052" y="19088"/>
                </a:moveTo>
                <a:lnTo>
                  <a:pt x="328282" y="19088"/>
                </a:lnTo>
                <a:lnTo>
                  <a:pt x="328282" y="69951"/>
                </a:lnTo>
                <a:lnTo>
                  <a:pt x="343052" y="69951"/>
                </a:lnTo>
                <a:lnTo>
                  <a:pt x="343052" y="19088"/>
                </a:lnTo>
                <a:close/>
              </a:path>
              <a:path w="1256665" h="92075">
                <a:moveTo>
                  <a:pt x="343052" y="863"/>
                </a:moveTo>
                <a:lnTo>
                  <a:pt x="328282" y="863"/>
                </a:lnTo>
                <a:lnTo>
                  <a:pt x="328282" y="13728"/>
                </a:lnTo>
                <a:lnTo>
                  <a:pt x="343052" y="13728"/>
                </a:lnTo>
                <a:lnTo>
                  <a:pt x="343052" y="863"/>
                </a:lnTo>
                <a:close/>
              </a:path>
              <a:path w="1256665" h="92075">
                <a:moveTo>
                  <a:pt x="293001" y="31432"/>
                </a:moveTo>
                <a:lnTo>
                  <a:pt x="278142" y="31432"/>
                </a:lnTo>
                <a:lnTo>
                  <a:pt x="278142" y="54673"/>
                </a:lnTo>
                <a:lnTo>
                  <a:pt x="279669" y="61926"/>
                </a:lnTo>
                <a:lnTo>
                  <a:pt x="284013" y="66949"/>
                </a:lnTo>
                <a:lnTo>
                  <a:pt x="290819" y="69870"/>
                </a:lnTo>
                <a:lnTo>
                  <a:pt x="299732" y="70815"/>
                </a:lnTo>
                <a:lnTo>
                  <a:pt x="306552" y="70815"/>
                </a:lnTo>
                <a:lnTo>
                  <a:pt x="312165" y="70383"/>
                </a:lnTo>
                <a:lnTo>
                  <a:pt x="317093" y="69507"/>
                </a:lnTo>
                <a:lnTo>
                  <a:pt x="317093" y="58458"/>
                </a:lnTo>
                <a:lnTo>
                  <a:pt x="294906" y="58458"/>
                </a:lnTo>
                <a:lnTo>
                  <a:pt x="293001" y="55956"/>
                </a:lnTo>
                <a:lnTo>
                  <a:pt x="293001" y="31432"/>
                </a:lnTo>
                <a:close/>
              </a:path>
              <a:path w="1256665" h="92075">
                <a:moveTo>
                  <a:pt x="317093" y="57607"/>
                </a:moveTo>
                <a:lnTo>
                  <a:pt x="311124" y="58458"/>
                </a:lnTo>
                <a:lnTo>
                  <a:pt x="317093" y="58458"/>
                </a:lnTo>
                <a:lnTo>
                  <a:pt x="317093" y="57607"/>
                </a:lnTo>
                <a:close/>
              </a:path>
              <a:path w="1256665" h="92075">
                <a:moveTo>
                  <a:pt x="317093" y="19088"/>
                </a:moveTo>
                <a:lnTo>
                  <a:pt x="264756" y="19088"/>
                </a:lnTo>
                <a:lnTo>
                  <a:pt x="264756" y="31432"/>
                </a:lnTo>
                <a:lnTo>
                  <a:pt x="317093" y="31432"/>
                </a:lnTo>
                <a:lnTo>
                  <a:pt x="317093" y="19088"/>
                </a:lnTo>
                <a:close/>
              </a:path>
              <a:path w="1256665" h="92075">
                <a:moveTo>
                  <a:pt x="293001" y="4318"/>
                </a:moveTo>
                <a:lnTo>
                  <a:pt x="278142" y="8547"/>
                </a:lnTo>
                <a:lnTo>
                  <a:pt x="278142" y="19088"/>
                </a:lnTo>
                <a:lnTo>
                  <a:pt x="293001" y="19088"/>
                </a:lnTo>
                <a:lnTo>
                  <a:pt x="293001" y="4318"/>
                </a:lnTo>
                <a:close/>
              </a:path>
              <a:path w="1256665" h="92075">
                <a:moveTo>
                  <a:pt x="254495" y="19088"/>
                </a:moveTo>
                <a:lnTo>
                  <a:pt x="239725" y="19088"/>
                </a:lnTo>
                <a:lnTo>
                  <a:pt x="239725" y="69951"/>
                </a:lnTo>
                <a:lnTo>
                  <a:pt x="254495" y="69951"/>
                </a:lnTo>
                <a:lnTo>
                  <a:pt x="254495" y="19088"/>
                </a:lnTo>
                <a:close/>
              </a:path>
              <a:path w="1256665" h="92075">
                <a:moveTo>
                  <a:pt x="254495" y="863"/>
                </a:moveTo>
                <a:lnTo>
                  <a:pt x="239725" y="863"/>
                </a:lnTo>
                <a:lnTo>
                  <a:pt x="239725" y="13728"/>
                </a:lnTo>
                <a:lnTo>
                  <a:pt x="254495" y="13728"/>
                </a:lnTo>
                <a:lnTo>
                  <a:pt x="254495" y="863"/>
                </a:lnTo>
                <a:close/>
              </a:path>
              <a:path w="1256665" h="92075">
                <a:moveTo>
                  <a:pt x="173431" y="52070"/>
                </a:moveTo>
                <a:lnTo>
                  <a:pt x="158661" y="52070"/>
                </a:lnTo>
                <a:lnTo>
                  <a:pt x="161801" y="61846"/>
                </a:lnTo>
                <a:lnTo>
                  <a:pt x="170179" y="67529"/>
                </a:lnTo>
                <a:lnTo>
                  <a:pt x="182235" y="70168"/>
                </a:lnTo>
                <a:lnTo>
                  <a:pt x="196405" y="70815"/>
                </a:lnTo>
                <a:lnTo>
                  <a:pt x="209756" y="70198"/>
                </a:lnTo>
                <a:lnTo>
                  <a:pt x="220022" y="67767"/>
                </a:lnTo>
                <a:lnTo>
                  <a:pt x="226614" y="62649"/>
                </a:lnTo>
                <a:lnTo>
                  <a:pt x="227436" y="59588"/>
                </a:lnTo>
                <a:lnTo>
                  <a:pt x="179044" y="59588"/>
                </a:lnTo>
                <a:lnTo>
                  <a:pt x="173431" y="57518"/>
                </a:lnTo>
                <a:lnTo>
                  <a:pt x="173431" y="52070"/>
                </a:lnTo>
                <a:close/>
              </a:path>
              <a:path w="1256665" h="92075">
                <a:moveTo>
                  <a:pt x="194144" y="18224"/>
                </a:moveTo>
                <a:lnTo>
                  <a:pt x="181188" y="18835"/>
                </a:lnTo>
                <a:lnTo>
                  <a:pt x="170514" y="21142"/>
                </a:lnTo>
                <a:lnTo>
                  <a:pt x="163189" y="25950"/>
                </a:lnTo>
                <a:lnTo>
                  <a:pt x="160477" y="34023"/>
                </a:lnTo>
                <a:lnTo>
                  <a:pt x="162540" y="41404"/>
                </a:lnTo>
                <a:lnTo>
                  <a:pt x="168757" y="45778"/>
                </a:lnTo>
                <a:lnTo>
                  <a:pt x="179165" y="48098"/>
                </a:lnTo>
                <a:lnTo>
                  <a:pt x="193801" y="49314"/>
                </a:lnTo>
                <a:lnTo>
                  <a:pt x="211683" y="50431"/>
                </a:lnTo>
                <a:lnTo>
                  <a:pt x="214109" y="50685"/>
                </a:lnTo>
                <a:lnTo>
                  <a:pt x="214109" y="58547"/>
                </a:lnTo>
                <a:lnTo>
                  <a:pt x="211505" y="59588"/>
                </a:lnTo>
                <a:lnTo>
                  <a:pt x="227436" y="59588"/>
                </a:lnTo>
                <a:lnTo>
                  <a:pt x="195529" y="38430"/>
                </a:lnTo>
                <a:lnTo>
                  <a:pt x="178003" y="37134"/>
                </a:lnTo>
                <a:lnTo>
                  <a:pt x="175323" y="36614"/>
                </a:lnTo>
                <a:lnTo>
                  <a:pt x="175323" y="30492"/>
                </a:lnTo>
                <a:lnTo>
                  <a:pt x="179298" y="29451"/>
                </a:lnTo>
                <a:lnTo>
                  <a:pt x="225691" y="29451"/>
                </a:lnTo>
                <a:lnTo>
                  <a:pt x="224755" y="26245"/>
                </a:lnTo>
                <a:lnTo>
                  <a:pt x="217878" y="21229"/>
                </a:lnTo>
                <a:lnTo>
                  <a:pt x="207404" y="18835"/>
                </a:lnTo>
                <a:lnTo>
                  <a:pt x="194144" y="18224"/>
                </a:lnTo>
                <a:close/>
              </a:path>
              <a:path w="1256665" h="92075">
                <a:moveTo>
                  <a:pt x="225691" y="29451"/>
                </a:moveTo>
                <a:lnTo>
                  <a:pt x="207022" y="29451"/>
                </a:lnTo>
                <a:lnTo>
                  <a:pt x="212382" y="30492"/>
                </a:lnTo>
                <a:lnTo>
                  <a:pt x="212382" y="34721"/>
                </a:lnTo>
                <a:lnTo>
                  <a:pt x="227228" y="34721"/>
                </a:lnTo>
                <a:lnTo>
                  <a:pt x="225691" y="29451"/>
                </a:lnTo>
                <a:close/>
              </a:path>
              <a:path w="1256665" h="92075">
                <a:moveTo>
                  <a:pt x="114909" y="18224"/>
                </a:moveTo>
                <a:lnTo>
                  <a:pt x="100516" y="19704"/>
                </a:lnTo>
                <a:lnTo>
                  <a:pt x="89393" y="24364"/>
                </a:lnTo>
                <a:lnTo>
                  <a:pt x="82221" y="32540"/>
                </a:lnTo>
                <a:lnTo>
                  <a:pt x="79679" y="44564"/>
                </a:lnTo>
                <a:lnTo>
                  <a:pt x="82221" y="56531"/>
                </a:lnTo>
                <a:lnTo>
                  <a:pt x="89393" y="64681"/>
                </a:lnTo>
                <a:lnTo>
                  <a:pt x="100516" y="69335"/>
                </a:lnTo>
                <a:lnTo>
                  <a:pt x="114909" y="70815"/>
                </a:lnTo>
                <a:lnTo>
                  <a:pt x="129265" y="69335"/>
                </a:lnTo>
                <a:lnTo>
                  <a:pt x="140392" y="64681"/>
                </a:lnTo>
                <a:lnTo>
                  <a:pt x="145884" y="58458"/>
                </a:lnTo>
                <a:lnTo>
                  <a:pt x="101180" y="58458"/>
                </a:lnTo>
                <a:lnTo>
                  <a:pt x="94437" y="55092"/>
                </a:lnTo>
                <a:lnTo>
                  <a:pt x="94437" y="33934"/>
                </a:lnTo>
                <a:lnTo>
                  <a:pt x="101180" y="30568"/>
                </a:lnTo>
                <a:lnTo>
                  <a:pt x="145850" y="30568"/>
                </a:lnTo>
                <a:lnTo>
                  <a:pt x="140392" y="24364"/>
                </a:lnTo>
                <a:lnTo>
                  <a:pt x="129265" y="19704"/>
                </a:lnTo>
                <a:lnTo>
                  <a:pt x="114909" y="18224"/>
                </a:lnTo>
                <a:close/>
              </a:path>
              <a:path w="1256665" h="92075">
                <a:moveTo>
                  <a:pt x="145850" y="30568"/>
                </a:moveTo>
                <a:lnTo>
                  <a:pt x="128536" y="30568"/>
                </a:lnTo>
                <a:lnTo>
                  <a:pt x="135280" y="33934"/>
                </a:lnTo>
                <a:lnTo>
                  <a:pt x="135280" y="55092"/>
                </a:lnTo>
                <a:lnTo>
                  <a:pt x="128536" y="58458"/>
                </a:lnTo>
                <a:lnTo>
                  <a:pt x="145884" y="58458"/>
                </a:lnTo>
                <a:lnTo>
                  <a:pt x="147585" y="56531"/>
                </a:lnTo>
                <a:lnTo>
                  <a:pt x="150139" y="44564"/>
                </a:lnTo>
                <a:lnTo>
                  <a:pt x="147585" y="32540"/>
                </a:lnTo>
                <a:lnTo>
                  <a:pt x="145850" y="30568"/>
                </a:lnTo>
                <a:close/>
              </a:path>
              <a:path w="1256665" h="92075">
                <a:moveTo>
                  <a:pt x="47497" y="9512"/>
                </a:moveTo>
                <a:lnTo>
                  <a:pt x="0" y="9512"/>
                </a:lnTo>
                <a:lnTo>
                  <a:pt x="0" y="69951"/>
                </a:lnTo>
                <a:lnTo>
                  <a:pt x="15544" y="69951"/>
                </a:lnTo>
                <a:lnTo>
                  <a:pt x="15544" y="53809"/>
                </a:lnTo>
                <a:lnTo>
                  <a:pt x="47497" y="53809"/>
                </a:lnTo>
                <a:lnTo>
                  <a:pt x="56905" y="52248"/>
                </a:lnTo>
                <a:lnTo>
                  <a:pt x="64215" y="47802"/>
                </a:lnTo>
                <a:lnTo>
                  <a:pt x="68952" y="40833"/>
                </a:lnTo>
                <a:lnTo>
                  <a:pt x="15544" y="40754"/>
                </a:lnTo>
                <a:lnTo>
                  <a:pt x="15544" y="22542"/>
                </a:lnTo>
                <a:lnTo>
                  <a:pt x="68948" y="22542"/>
                </a:lnTo>
                <a:lnTo>
                  <a:pt x="64215" y="15552"/>
                </a:lnTo>
                <a:lnTo>
                  <a:pt x="56905" y="11084"/>
                </a:lnTo>
                <a:lnTo>
                  <a:pt x="47497" y="9512"/>
                </a:lnTo>
                <a:close/>
              </a:path>
              <a:path w="1256665" h="92075">
                <a:moveTo>
                  <a:pt x="68948" y="22542"/>
                </a:moveTo>
                <a:lnTo>
                  <a:pt x="55092" y="22542"/>
                </a:lnTo>
                <a:lnTo>
                  <a:pt x="55092" y="40754"/>
                </a:lnTo>
                <a:lnTo>
                  <a:pt x="68967" y="40754"/>
                </a:lnTo>
                <a:lnTo>
                  <a:pt x="70637" y="31699"/>
                </a:lnTo>
                <a:lnTo>
                  <a:pt x="68948" y="22542"/>
                </a:lnTo>
                <a:close/>
              </a:path>
            </a:pathLst>
          </a:custGeom>
          <a:solidFill>
            <a:srgbClr val="00AA9B"/>
          </a:solidFill>
        </p:spPr>
        <p:txBody>
          <a:bodyPr wrap="square" lIns="0" tIns="0" rIns="0" bIns="0" rtlCol="0"/>
          <a:lstStyle/>
          <a:p>
            <a:endParaRPr sz="1350"/>
          </a:p>
        </p:txBody>
      </p:sp>
      <p:sp>
        <p:nvSpPr>
          <p:cNvPr id="6" name="object 8">
            <a:extLst>
              <a:ext uri="{FF2B5EF4-FFF2-40B4-BE49-F238E27FC236}">
                <a16:creationId xmlns:a16="http://schemas.microsoft.com/office/drawing/2014/main" id="{751A90F7-4173-4539-90AE-F4A8B177F34B}"/>
              </a:ext>
            </a:extLst>
          </p:cNvPr>
          <p:cNvSpPr/>
          <p:nvPr userDrawn="1"/>
        </p:nvSpPr>
        <p:spPr>
          <a:xfrm>
            <a:off x="8763000" y="2743200"/>
            <a:ext cx="2743200" cy="3429000"/>
          </a:xfrm>
          <a:custGeom>
            <a:avLst/>
            <a:gdLst/>
            <a:ahLst/>
            <a:cxnLst/>
            <a:rect l="l" t="t" r="r" b="b"/>
            <a:pathLst>
              <a:path w="3657600" h="4572000">
                <a:moveTo>
                  <a:pt x="3657600" y="0"/>
                </a:moveTo>
                <a:lnTo>
                  <a:pt x="0" y="0"/>
                </a:lnTo>
                <a:lnTo>
                  <a:pt x="0" y="4572000"/>
                </a:lnTo>
                <a:lnTo>
                  <a:pt x="3657600" y="4572000"/>
                </a:lnTo>
                <a:lnTo>
                  <a:pt x="3657600" y="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0" tIns="0" rIns="0" bIns="0" rtlCol="0"/>
          <a:lstStyle/>
          <a:p>
            <a:endParaRPr sz="1350"/>
          </a:p>
        </p:txBody>
      </p:sp>
      <p:sp>
        <p:nvSpPr>
          <p:cNvPr id="12" name="object 13">
            <a:extLst>
              <a:ext uri="{FF2B5EF4-FFF2-40B4-BE49-F238E27FC236}">
                <a16:creationId xmlns:a16="http://schemas.microsoft.com/office/drawing/2014/main" id="{AEDC5B23-1647-49B1-8689-60FD3A78D068}"/>
              </a:ext>
            </a:extLst>
          </p:cNvPr>
          <p:cNvSpPr/>
          <p:nvPr/>
        </p:nvSpPr>
        <p:spPr>
          <a:xfrm>
            <a:off x="0" y="0"/>
            <a:ext cx="3962400" cy="6858000"/>
          </a:xfrm>
          <a:custGeom>
            <a:avLst/>
            <a:gdLst/>
            <a:ahLst/>
            <a:cxnLst/>
            <a:rect l="l" t="t" r="r" b="b"/>
            <a:pathLst>
              <a:path w="5283200" h="9144000">
                <a:moveTo>
                  <a:pt x="5283200" y="0"/>
                </a:moveTo>
                <a:lnTo>
                  <a:pt x="0" y="0"/>
                </a:lnTo>
                <a:lnTo>
                  <a:pt x="0" y="9144000"/>
                </a:lnTo>
                <a:lnTo>
                  <a:pt x="5283200" y="9144000"/>
                </a:lnTo>
                <a:lnTo>
                  <a:pt x="5283200" y="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0" tIns="0" rIns="0" bIns="0" rtlCol="0"/>
          <a:lstStyle/>
          <a:p>
            <a:endParaRPr sz="1350"/>
          </a:p>
        </p:txBody>
      </p:sp>
      <p:sp>
        <p:nvSpPr>
          <p:cNvPr id="26" name="object 25">
            <a:extLst>
              <a:ext uri="{FF2B5EF4-FFF2-40B4-BE49-F238E27FC236}">
                <a16:creationId xmlns:a16="http://schemas.microsoft.com/office/drawing/2014/main" id="{B878D6D7-A21E-4916-A1DB-9ADACBC53B10}"/>
              </a:ext>
            </a:extLst>
          </p:cNvPr>
          <p:cNvSpPr/>
          <p:nvPr userDrawn="1"/>
        </p:nvSpPr>
        <p:spPr>
          <a:xfrm>
            <a:off x="8077200" y="1371599"/>
            <a:ext cx="2057400" cy="4800600"/>
          </a:xfrm>
          <a:custGeom>
            <a:avLst/>
            <a:gdLst/>
            <a:ahLst/>
            <a:cxnLst/>
            <a:rect l="l" t="t" r="r" b="b"/>
            <a:pathLst>
              <a:path w="2743200" h="6400800">
                <a:moveTo>
                  <a:pt x="914400" y="5486400"/>
                </a:moveTo>
                <a:lnTo>
                  <a:pt x="0" y="5486400"/>
                </a:lnTo>
                <a:lnTo>
                  <a:pt x="0" y="6400800"/>
                </a:lnTo>
                <a:lnTo>
                  <a:pt x="914400" y="6400800"/>
                </a:lnTo>
                <a:lnTo>
                  <a:pt x="914400" y="5486400"/>
                </a:lnTo>
                <a:close/>
              </a:path>
              <a:path w="2743200" h="6400800">
                <a:moveTo>
                  <a:pt x="914400" y="914400"/>
                </a:moveTo>
                <a:lnTo>
                  <a:pt x="0" y="914400"/>
                </a:lnTo>
                <a:lnTo>
                  <a:pt x="0" y="1828800"/>
                </a:lnTo>
                <a:lnTo>
                  <a:pt x="914400" y="1828800"/>
                </a:lnTo>
                <a:lnTo>
                  <a:pt x="914400" y="914400"/>
                </a:lnTo>
                <a:close/>
              </a:path>
              <a:path w="2743200" h="6400800">
                <a:moveTo>
                  <a:pt x="2743200" y="0"/>
                </a:moveTo>
                <a:lnTo>
                  <a:pt x="1828800" y="0"/>
                </a:lnTo>
                <a:lnTo>
                  <a:pt x="1828800" y="914400"/>
                </a:lnTo>
                <a:lnTo>
                  <a:pt x="2743200" y="914400"/>
                </a:lnTo>
                <a:lnTo>
                  <a:pt x="2743200" y="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0" tIns="0" rIns="0" bIns="0" rtlCol="0"/>
          <a:lstStyle/>
          <a:p>
            <a:endParaRPr sz="1350"/>
          </a:p>
        </p:txBody>
      </p:sp>
      <p:sp>
        <p:nvSpPr>
          <p:cNvPr id="39" name="Picture Placeholder 5">
            <a:extLst>
              <a:ext uri="{FF2B5EF4-FFF2-40B4-BE49-F238E27FC236}">
                <a16:creationId xmlns:a16="http://schemas.microsoft.com/office/drawing/2014/main" id="{CF9F1995-3828-492B-8E00-DABB95B1CE12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85800" y="5737800"/>
            <a:ext cx="1905000" cy="182999"/>
          </a:xfrm>
          <a:noFill/>
          <a:ln>
            <a:noFill/>
          </a:ln>
        </p:spPr>
        <p:txBody>
          <a:bodyPr anchor="ctr"/>
          <a:lstStyle>
            <a:lvl1pPr algn="ctr">
              <a:defRPr sz="1200"/>
            </a:lvl1pPr>
          </a:lstStyle>
          <a:p>
            <a:r>
              <a:rPr lang="fr-FR" dirty="0"/>
              <a:t>Insert logo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2E3D4C3-7FF7-4C2C-AC1C-58D153EBB79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6275" y="1029173"/>
            <a:ext cx="2587466" cy="1031693"/>
          </a:xfrm>
        </p:spPr>
        <p:txBody>
          <a:bodyPr/>
          <a:lstStyle/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34CC0C3C-8E8C-4602-B27C-EAA9C3EB8451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11675" y="1029173"/>
            <a:ext cx="3084195" cy="1031693"/>
          </a:xfrm>
        </p:spPr>
        <p:txBody>
          <a:bodyPr/>
          <a:lstStyle>
            <a:lvl1pPr>
              <a:defRPr/>
            </a:lvl1pPr>
            <a:lvl2pPr>
              <a:defRPr>
                <a:solidFill>
                  <a:schemeClr val="accent2"/>
                </a:solidFill>
              </a:defRPr>
            </a:lvl2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ECD69663-3C24-47D3-AADB-4E2655570CE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  <p:pic>
        <p:nvPicPr>
          <p:cNvPr id="11" name="Picture 10" descr="Logo&#10;&#10;Description automatically generated">
            <a:extLst>
              <a:ext uri="{FF2B5EF4-FFF2-40B4-BE49-F238E27FC236}">
                <a16:creationId xmlns:a16="http://schemas.microsoft.com/office/drawing/2014/main" id="{BAFBAE81-F51D-4C41-B8BE-AF63C50EFAC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29825" y="321563"/>
            <a:ext cx="1600200" cy="7094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52263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rk_Content client">
    <p:bg>
      <p:bgPr>
        <a:solidFill>
          <a:srgbClr val="222C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object 2">
            <a:extLst>
              <a:ext uri="{FF2B5EF4-FFF2-40B4-BE49-F238E27FC236}">
                <a16:creationId xmlns:a16="http://schemas.microsoft.com/office/drawing/2014/main" id="{31C329BC-FFDC-4CD3-ABE4-D824343B7B3C}"/>
              </a:ext>
            </a:extLst>
          </p:cNvPr>
          <p:cNvSpPr/>
          <p:nvPr userDrawn="1"/>
        </p:nvSpPr>
        <p:spPr>
          <a:xfrm>
            <a:off x="10349184" y="739971"/>
            <a:ext cx="942499" cy="69056"/>
          </a:xfrm>
          <a:custGeom>
            <a:avLst/>
            <a:gdLst/>
            <a:ahLst/>
            <a:cxnLst/>
            <a:rect l="l" t="t" r="r" b="b"/>
            <a:pathLst>
              <a:path w="1256665" h="92075">
                <a:moveTo>
                  <a:pt x="1158062" y="19088"/>
                </a:moveTo>
                <a:lnTo>
                  <a:pt x="1141564" y="19088"/>
                </a:lnTo>
                <a:lnTo>
                  <a:pt x="1164450" y="69951"/>
                </a:lnTo>
                <a:lnTo>
                  <a:pt x="1184147" y="69951"/>
                </a:lnTo>
                <a:lnTo>
                  <a:pt x="1189028" y="58381"/>
                </a:lnTo>
                <a:lnTo>
                  <a:pt x="1174737" y="58381"/>
                </a:lnTo>
                <a:lnTo>
                  <a:pt x="1158062" y="19088"/>
                </a:lnTo>
                <a:close/>
              </a:path>
              <a:path w="1256665" h="92075">
                <a:moveTo>
                  <a:pt x="1214012" y="34544"/>
                </a:moveTo>
                <a:lnTo>
                  <a:pt x="1199083" y="34544"/>
                </a:lnTo>
                <a:lnTo>
                  <a:pt x="1214005" y="69951"/>
                </a:lnTo>
                <a:lnTo>
                  <a:pt x="1233703" y="69951"/>
                </a:lnTo>
                <a:lnTo>
                  <a:pt x="1238949" y="58293"/>
                </a:lnTo>
                <a:lnTo>
                  <a:pt x="1223429" y="58293"/>
                </a:lnTo>
                <a:lnTo>
                  <a:pt x="1214012" y="34544"/>
                </a:lnTo>
                <a:close/>
              </a:path>
              <a:path w="1256665" h="92075">
                <a:moveTo>
                  <a:pt x="1207884" y="19088"/>
                </a:moveTo>
                <a:lnTo>
                  <a:pt x="1190269" y="19088"/>
                </a:lnTo>
                <a:lnTo>
                  <a:pt x="1174737" y="58381"/>
                </a:lnTo>
                <a:lnTo>
                  <a:pt x="1189028" y="58381"/>
                </a:lnTo>
                <a:lnTo>
                  <a:pt x="1199083" y="34544"/>
                </a:lnTo>
                <a:lnTo>
                  <a:pt x="1214012" y="34544"/>
                </a:lnTo>
                <a:lnTo>
                  <a:pt x="1207884" y="19088"/>
                </a:lnTo>
                <a:close/>
              </a:path>
              <a:path w="1256665" h="92075">
                <a:moveTo>
                  <a:pt x="1256588" y="19088"/>
                </a:moveTo>
                <a:lnTo>
                  <a:pt x="1240091" y="19088"/>
                </a:lnTo>
                <a:lnTo>
                  <a:pt x="1223429" y="58293"/>
                </a:lnTo>
                <a:lnTo>
                  <a:pt x="1238949" y="58293"/>
                </a:lnTo>
                <a:lnTo>
                  <a:pt x="1256588" y="19088"/>
                </a:lnTo>
                <a:close/>
              </a:path>
              <a:path w="1256665" h="92075">
                <a:moveTo>
                  <a:pt x="1104366" y="18224"/>
                </a:moveTo>
                <a:lnTo>
                  <a:pt x="1089978" y="19704"/>
                </a:lnTo>
                <a:lnTo>
                  <a:pt x="1078855" y="24364"/>
                </a:lnTo>
                <a:lnTo>
                  <a:pt x="1071680" y="32540"/>
                </a:lnTo>
                <a:lnTo>
                  <a:pt x="1069136" y="44564"/>
                </a:lnTo>
                <a:lnTo>
                  <a:pt x="1071680" y="56531"/>
                </a:lnTo>
                <a:lnTo>
                  <a:pt x="1078855" y="64681"/>
                </a:lnTo>
                <a:lnTo>
                  <a:pt x="1089978" y="69335"/>
                </a:lnTo>
                <a:lnTo>
                  <a:pt x="1104366" y="70815"/>
                </a:lnTo>
                <a:lnTo>
                  <a:pt x="1118724" y="69335"/>
                </a:lnTo>
                <a:lnTo>
                  <a:pt x="1129855" y="64681"/>
                </a:lnTo>
                <a:lnTo>
                  <a:pt x="1135351" y="58458"/>
                </a:lnTo>
                <a:lnTo>
                  <a:pt x="1090637" y="58458"/>
                </a:lnTo>
                <a:lnTo>
                  <a:pt x="1083906" y="55092"/>
                </a:lnTo>
                <a:lnTo>
                  <a:pt x="1083906" y="33934"/>
                </a:lnTo>
                <a:lnTo>
                  <a:pt x="1090637" y="30568"/>
                </a:lnTo>
                <a:lnTo>
                  <a:pt x="1135317" y="30568"/>
                </a:lnTo>
                <a:lnTo>
                  <a:pt x="1129855" y="24364"/>
                </a:lnTo>
                <a:lnTo>
                  <a:pt x="1118724" y="19704"/>
                </a:lnTo>
                <a:lnTo>
                  <a:pt x="1104366" y="18224"/>
                </a:lnTo>
                <a:close/>
              </a:path>
              <a:path w="1256665" h="92075">
                <a:moveTo>
                  <a:pt x="1135317" y="30568"/>
                </a:moveTo>
                <a:lnTo>
                  <a:pt x="1118019" y="30568"/>
                </a:lnTo>
                <a:lnTo>
                  <a:pt x="1124750" y="33934"/>
                </a:lnTo>
                <a:lnTo>
                  <a:pt x="1124750" y="55092"/>
                </a:lnTo>
                <a:lnTo>
                  <a:pt x="1118019" y="58458"/>
                </a:lnTo>
                <a:lnTo>
                  <a:pt x="1135351" y="58458"/>
                </a:lnTo>
                <a:lnTo>
                  <a:pt x="1137052" y="56531"/>
                </a:lnTo>
                <a:lnTo>
                  <a:pt x="1139609" y="44564"/>
                </a:lnTo>
                <a:lnTo>
                  <a:pt x="1137052" y="32540"/>
                </a:lnTo>
                <a:lnTo>
                  <a:pt x="1135317" y="30568"/>
                </a:lnTo>
                <a:close/>
              </a:path>
              <a:path w="1256665" h="92075">
                <a:moveTo>
                  <a:pt x="1058354" y="863"/>
                </a:moveTo>
                <a:lnTo>
                  <a:pt x="1043584" y="863"/>
                </a:lnTo>
                <a:lnTo>
                  <a:pt x="1043584" y="69951"/>
                </a:lnTo>
                <a:lnTo>
                  <a:pt x="1058354" y="69951"/>
                </a:lnTo>
                <a:lnTo>
                  <a:pt x="1058354" y="863"/>
                </a:lnTo>
                <a:close/>
              </a:path>
              <a:path w="1256665" h="92075">
                <a:moveTo>
                  <a:pt x="1011313" y="31432"/>
                </a:moveTo>
                <a:lnTo>
                  <a:pt x="996467" y="31432"/>
                </a:lnTo>
                <a:lnTo>
                  <a:pt x="996467" y="69951"/>
                </a:lnTo>
                <a:lnTo>
                  <a:pt x="1011313" y="69951"/>
                </a:lnTo>
                <a:lnTo>
                  <a:pt x="1011313" y="31432"/>
                </a:lnTo>
                <a:close/>
              </a:path>
              <a:path w="1256665" h="92075">
                <a:moveTo>
                  <a:pt x="1032814" y="19088"/>
                </a:moveTo>
                <a:lnTo>
                  <a:pt x="983081" y="19088"/>
                </a:lnTo>
                <a:lnTo>
                  <a:pt x="983081" y="31432"/>
                </a:lnTo>
                <a:lnTo>
                  <a:pt x="1032814" y="31432"/>
                </a:lnTo>
                <a:lnTo>
                  <a:pt x="1032814" y="19088"/>
                </a:lnTo>
                <a:close/>
              </a:path>
              <a:path w="1256665" h="92075">
                <a:moveTo>
                  <a:pt x="1025296" y="0"/>
                </a:moveTo>
                <a:lnTo>
                  <a:pt x="1017523" y="0"/>
                </a:lnTo>
                <a:lnTo>
                  <a:pt x="1007970" y="931"/>
                </a:lnTo>
                <a:lnTo>
                  <a:pt x="1001428" y="3759"/>
                </a:lnTo>
                <a:lnTo>
                  <a:pt x="997669" y="8529"/>
                </a:lnTo>
                <a:lnTo>
                  <a:pt x="996467" y="15290"/>
                </a:lnTo>
                <a:lnTo>
                  <a:pt x="996467" y="19088"/>
                </a:lnTo>
                <a:lnTo>
                  <a:pt x="1011313" y="19088"/>
                </a:lnTo>
                <a:lnTo>
                  <a:pt x="1011567" y="12700"/>
                </a:lnTo>
                <a:lnTo>
                  <a:pt x="1013726" y="10883"/>
                </a:lnTo>
                <a:lnTo>
                  <a:pt x="1032814" y="10883"/>
                </a:lnTo>
                <a:lnTo>
                  <a:pt x="1032814" y="863"/>
                </a:lnTo>
                <a:lnTo>
                  <a:pt x="1025296" y="0"/>
                </a:lnTo>
                <a:close/>
              </a:path>
              <a:path w="1256665" h="92075">
                <a:moveTo>
                  <a:pt x="1032814" y="10883"/>
                </a:moveTo>
                <a:lnTo>
                  <a:pt x="1025994" y="10883"/>
                </a:lnTo>
                <a:lnTo>
                  <a:pt x="1029449" y="11061"/>
                </a:lnTo>
                <a:lnTo>
                  <a:pt x="1032814" y="11315"/>
                </a:lnTo>
                <a:lnTo>
                  <a:pt x="1032814" y="10883"/>
                </a:lnTo>
                <a:close/>
              </a:path>
              <a:path w="1256665" h="92075">
                <a:moveTo>
                  <a:pt x="926706" y="863"/>
                </a:moveTo>
                <a:lnTo>
                  <a:pt x="911936" y="863"/>
                </a:lnTo>
                <a:lnTo>
                  <a:pt x="911936" y="69951"/>
                </a:lnTo>
                <a:lnTo>
                  <a:pt x="926706" y="69951"/>
                </a:lnTo>
                <a:lnTo>
                  <a:pt x="926706" y="863"/>
                </a:lnTo>
                <a:close/>
              </a:path>
              <a:path w="1256665" h="92075">
                <a:moveTo>
                  <a:pt x="870343" y="37401"/>
                </a:moveTo>
                <a:lnTo>
                  <a:pt x="861631" y="37401"/>
                </a:lnTo>
                <a:lnTo>
                  <a:pt x="850026" y="38252"/>
                </a:lnTo>
                <a:lnTo>
                  <a:pt x="840244" y="41117"/>
                </a:lnTo>
                <a:lnTo>
                  <a:pt x="833492" y="46461"/>
                </a:lnTo>
                <a:lnTo>
                  <a:pt x="830973" y="54749"/>
                </a:lnTo>
                <a:lnTo>
                  <a:pt x="832585" y="62103"/>
                </a:lnTo>
                <a:lnTo>
                  <a:pt x="837199" y="67087"/>
                </a:lnTo>
                <a:lnTo>
                  <a:pt x="844486" y="69919"/>
                </a:lnTo>
                <a:lnTo>
                  <a:pt x="854113" y="70815"/>
                </a:lnTo>
                <a:lnTo>
                  <a:pt x="862743" y="70313"/>
                </a:lnTo>
                <a:lnTo>
                  <a:pt x="870702" y="68880"/>
                </a:lnTo>
                <a:lnTo>
                  <a:pt x="878094" y="66620"/>
                </a:lnTo>
                <a:lnTo>
                  <a:pt x="885024" y="63639"/>
                </a:lnTo>
                <a:lnTo>
                  <a:pt x="899871" y="63639"/>
                </a:lnTo>
                <a:lnTo>
                  <a:pt x="899871" y="59931"/>
                </a:lnTo>
                <a:lnTo>
                  <a:pt x="850658" y="59931"/>
                </a:lnTo>
                <a:lnTo>
                  <a:pt x="845731" y="59499"/>
                </a:lnTo>
                <a:lnTo>
                  <a:pt x="845731" y="48971"/>
                </a:lnTo>
                <a:lnTo>
                  <a:pt x="852385" y="47066"/>
                </a:lnTo>
                <a:lnTo>
                  <a:pt x="899871" y="47066"/>
                </a:lnTo>
                <a:lnTo>
                  <a:pt x="899871" y="44297"/>
                </a:lnTo>
                <a:lnTo>
                  <a:pt x="899248" y="41021"/>
                </a:lnTo>
                <a:lnTo>
                  <a:pt x="885024" y="41021"/>
                </a:lnTo>
                <a:lnTo>
                  <a:pt x="878382" y="38773"/>
                </a:lnTo>
                <a:lnTo>
                  <a:pt x="870343" y="37401"/>
                </a:lnTo>
                <a:close/>
              </a:path>
              <a:path w="1256665" h="92075">
                <a:moveTo>
                  <a:pt x="899871" y="63639"/>
                </a:moveTo>
                <a:lnTo>
                  <a:pt x="885024" y="63639"/>
                </a:lnTo>
                <a:lnTo>
                  <a:pt x="885024" y="69951"/>
                </a:lnTo>
                <a:lnTo>
                  <a:pt x="899871" y="69951"/>
                </a:lnTo>
                <a:lnTo>
                  <a:pt x="899871" y="63639"/>
                </a:lnTo>
                <a:close/>
              </a:path>
              <a:path w="1256665" h="92075">
                <a:moveTo>
                  <a:pt x="899871" y="47066"/>
                </a:moveTo>
                <a:lnTo>
                  <a:pt x="872858" y="47066"/>
                </a:lnTo>
                <a:lnTo>
                  <a:pt x="879843" y="48526"/>
                </a:lnTo>
                <a:lnTo>
                  <a:pt x="885024" y="50177"/>
                </a:lnTo>
                <a:lnTo>
                  <a:pt x="885024" y="54152"/>
                </a:lnTo>
                <a:lnTo>
                  <a:pt x="878782" y="56432"/>
                </a:lnTo>
                <a:lnTo>
                  <a:pt x="871850" y="58266"/>
                </a:lnTo>
                <a:lnTo>
                  <a:pt x="864834" y="59487"/>
                </a:lnTo>
                <a:lnTo>
                  <a:pt x="858342" y="59931"/>
                </a:lnTo>
                <a:lnTo>
                  <a:pt x="899871" y="59931"/>
                </a:lnTo>
                <a:lnTo>
                  <a:pt x="899871" y="47066"/>
                </a:lnTo>
                <a:close/>
              </a:path>
              <a:path w="1256665" h="92075">
                <a:moveTo>
                  <a:pt x="896313" y="30568"/>
                </a:moveTo>
                <a:lnTo>
                  <a:pt x="872591" y="30568"/>
                </a:lnTo>
                <a:lnTo>
                  <a:pt x="885024" y="31356"/>
                </a:lnTo>
                <a:lnTo>
                  <a:pt x="885024" y="41021"/>
                </a:lnTo>
                <a:lnTo>
                  <a:pt x="899248" y="41021"/>
                </a:lnTo>
                <a:lnTo>
                  <a:pt x="897554" y="32101"/>
                </a:lnTo>
                <a:lnTo>
                  <a:pt x="896313" y="30568"/>
                </a:lnTo>
                <a:close/>
              </a:path>
              <a:path w="1256665" h="92075">
                <a:moveTo>
                  <a:pt x="866381" y="18224"/>
                </a:moveTo>
                <a:lnTo>
                  <a:pt x="858482" y="18572"/>
                </a:lnTo>
                <a:lnTo>
                  <a:pt x="850692" y="19592"/>
                </a:lnTo>
                <a:lnTo>
                  <a:pt x="842951" y="21246"/>
                </a:lnTo>
                <a:lnTo>
                  <a:pt x="835202" y="23495"/>
                </a:lnTo>
                <a:lnTo>
                  <a:pt x="840473" y="34277"/>
                </a:lnTo>
                <a:lnTo>
                  <a:pt x="847882" y="32390"/>
                </a:lnTo>
                <a:lnTo>
                  <a:pt x="854502" y="31261"/>
                </a:lnTo>
                <a:lnTo>
                  <a:pt x="860409" y="30712"/>
                </a:lnTo>
                <a:lnTo>
                  <a:pt x="865682" y="30568"/>
                </a:lnTo>
                <a:lnTo>
                  <a:pt x="896313" y="30568"/>
                </a:lnTo>
                <a:lnTo>
                  <a:pt x="891027" y="24041"/>
                </a:lnTo>
                <a:lnTo>
                  <a:pt x="880549" y="19590"/>
                </a:lnTo>
                <a:lnTo>
                  <a:pt x="866381" y="18224"/>
                </a:lnTo>
                <a:close/>
              </a:path>
              <a:path w="1256665" h="92075">
                <a:moveTo>
                  <a:pt x="796963" y="31432"/>
                </a:moveTo>
                <a:lnTo>
                  <a:pt x="782116" y="31432"/>
                </a:lnTo>
                <a:lnTo>
                  <a:pt x="782116" y="54673"/>
                </a:lnTo>
                <a:lnTo>
                  <a:pt x="783645" y="61926"/>
                </a:lnTo>
                <a:lnTo>
                  <a:pt x="787992" y="66949"/>
                </a:lnTo>
                <a:lnTo>
                  <a:pt x="794798" y="69870"/>
                </a:lnTo>
                <a:lnTo>
                  <a:pt x="803706" y="70815"/>
                </a:lnTo>
                <a:lnTo>
                  <a:pt x="810526" y="70815"/>
                </a:lnTo>
                <a:lnTo>
                  <a:pt x="816140" y="70383"/>
                </a:lnTo>
                <a:lnTo>
                  <a:pt x="821054" y="69507"/>
                </a:lnTo>
                <a:lnTo>
                  <a:pt x="821054" y="58458"/>
                </a:lnTo>
                <a:lnTo>
                  <a:pt x="798868" y="58458"/>
                </a:lnTo>
                <a:lnTo>
                  <a:pt x="796963" y="55956"/>
                </a:lnTo>
                <a:lnTo>
                  <a:pt x="796963" y="31432"/>
                </a:lnTo>
                <a:close/>
              </a:path>
              <a:path w="1256665" h="92075">
                <a:moveTo>
                  <a:pt x="821054" y="57607"/>
                </a:moveTo>
                <a:lnTo>
                  <a:pt x="815098" y="58458"/>
                </a:lnTo>
                <a:lnTo>
                  <a:pt x="821054" y="58458"/>
                </a:lnTo>
                <a:lnTo>
                  <a:pt x="821054" y="57607"/>
                </a:lnTo>
                <a:close/>
              </a:path>
              <a:path w="1256665" h="92075">
                <a:moveTo>
                  <a:pt x="821054" y="19088"/>
                </a:moveTo>
                <a:lnTo>
                  <a:pt x="768730" y="19088"/>
                </a:lnTo>
                <a:lnTo>
                  <a:pt x="768730" y="31432"/>
                </a:lnTo>
                <a:lnTo>
                  <a:pt x="821054" y="31432"/>
                </a:lnTo>
                <a:lnTo>
                  <a:pt x="821054" y="19088"/>
                </a:lnTo>
                <a:close/>
              </a:path>
              <a:path w="1256665" h="92075">
                <a:moveTo>
                  <a:pt x="796963" y="4318"/>
                </a:moveTo>
                <a:lnTo>
                  <a:pt x="782116" y="8547"/>
                </a:lnTo>
                <a:lnTo>
                  <a:pt x="782116" y="19088"/>
                </a:lnTo>
                <a:lnTo>
                  <a:pt x="796963" y="19088"/>
                </a:lnTo>
                <a:lnTo>
                  <a:pt x="796963" y="4318"/>
                </a:lnTo>
                <a:close/>
              </a:path>
              <a:path w="1256665" h="92075">
                <a:moveTo>
                  <a:pt x="758456" y="19088"/>
                </a:moveTo>
                <a:lnTo>
                  <a:pt x="743699" y="19088"/>
                </a:lnTo>
                <a:lnTo>
                  <a:pt x="743699" y="69951"/>
                </a:lnTo>
                <a:lnTo>
                  <a:pt x="758456" y="69951"/>
                </a:lnTo>
                <a:lnTo>
                  <a:pt x="758456" y="19088"/>
                </a:lnTo>
                <a:close/>
              </a:path>
              <a:path w="1256665" h="92075">
                <a:moveTo>
                  <a:pt x="758456" y="863"/>
                </a:moveTo>
                <a:lnTo>
                  <a:pt x="743699" y="863"/>
                </a:lnTo>
                <a:lnTo>
                  <a:pt x="743699" y="13728"/>
                </a:lnTo>
                <a:lnTo>
                  <a:pt x="758456" y="13728"/>
                </a:lnTo>
                <a:lnTo>
                  <a:pt x="758456" y="863"/>
                </a:lnTo>
                <a:close/>
              </a:path>
              <a:path w="1256665" h="92075">
                <a:moveTo>
                  <a:pt x="666610" y="75565"/>
                </a:moveTo>
                <a:lnTo>
                  <a:pt x="666610" y="87477"/>
                </a:lnTo>
                <a:lnTo>
                  <a:pt x="671585" y="88657"/>
                </a:lnTo>
                <a:lnTo>
                  <a:pt x="678845" y="89989"/>
                </a:lnTo>
                <a:lnTo>
                  <a:pt x="687950" y="91078"/>
                </a:lnTo>
                <a:lnTo>
                  <a:pt x="698461" y="91528"/>
                </a:lnTo>
                <a:lnTo>
                  <a:pt x="711770" y="89802"/>
                </a:lnTo>
                <a:lnTo>
                  <a:pt x="722266" y="84448"/>
                </a:lnTo>
                <a:lnTo>
                  <a:pt x="726188" y="79184"/>
                </a:lnTo>
                <a:lnTo>
                  <a:pt x="695185" y="79184"/>
                </a:lnTo>
                <a:lnTo>
                  <a:pt x="686821" y="78776"/>
                </a:lnTo>
                <a:lnTo>
                  <a:pt x="678921" y="77793"/>
                </a:lnTo>
                <a:lnTo>
                  <a:pt x="672009" y="76602"/>
                </a:lnTo>
                <a:lnTo>
                  <a:pt x="666610" y="75565"/>
                </a:lnTo>
                <a:close/>
              </a:path>
              <a:path w="1256665" h="92075">
                <a:moveTo>
                  <a:pt x="731621" y="60274"/>
                </a:moveTo>
                <a:lnTo>
                  <a:pt x="716775" y="60274"/>
                </a:lnTo>
                <a:lnTo>
                  <a:pt x="715294" y="68731"/>
                </a:lnTo>
                <a:lnTo>
                  <a:pt x="711485" y="74620"/>
                </a:lnTo>
                <a:lnTo>
                  <a:pt x="704923" y="78063"/>
                </a:lnTo>
                <a:lnTo>
                  <a:pt x="695185" y="79184"/>
                </a:lnTo>
                <a:lnTo>
                  <a:pt x="726188" y="79184"/>
                </a:lnTo>
                <a:lnTo>
                  <a:pt x="729149" y="75209"/>
                </a:lnTo>
                <a:lnTo>
                  <a:pt x="731621" y="61823"/>
                </a:lnTo>
                <a:lnTo>
                  <a:pt x="731621" y="60274"/>
                </a:lnTo>
                <a:close/>
              </a:path>
              <a:path w="1256665" h="92075">
                <a:moveTo>
                  <a:pt x="691045" y="18224"/>
                </a:moveTo>
                <a:lnTo>
                  <a:pt x="679021" y="19691"/>
                </a:lnTo>
                <a:lnTo>
                  <a:pt x="669570" y="24268"/>
                </a:lnTo>
                <a:lnTo>
                  <a:pt x="663389" y="32213"/>
                </a:lnTo>
                <a:lnTo>
                  <a:pt x="661174" y="43789"/>
                </a:lnTo>
                <a:lnTo>
                  <a:pt x="663389" y="55352"/>
                </a:lnTo>
                <a:lnTo>
                  <a:pt x="669570" y="63295"/>
                </a:lnTo>
                <a:lnTo>
                  <a:pt x="679021" y="67872"/>
                </a:lnTo>
                <a:lnTo>
                  <a:pt x="691045" y="69342"/>
                </a:lnTo>
                <a:lnTo>
                  <a:pt x="699399" y="68727"/>
                </a:lnTo>
                <a:lnTo>
                  <a:pt x="706467" y="66946"/>
                </a:lnTo>
                <a:lnTo>
                  <a:pt x="712256" y="64096"/>
                </a:lnTo>
                <a:lnTo>
                  <a:pt x="716775" y="60274"/>
                </a:lnTo>
                <a:lnTo>
                  <a:pt x="731621" y="60274"/>
                </a:lnTo>
                <a:lnTo>
                  <a:pt x="731621" y="56997"/>
                </a:lnTo>
                <a:lnTo>
                  <a:pt x="682497" y="56997"/>
                </a:lnTo>
                <a:lnTo>
                  <a:pt x="675932" y="53111"/>
                </a:lnTo>
                <a:lnTo>
                  <a:pt x="675932" y="34467"/>
                </a:lnTo>
                <a:lnTo>
                  <a:pt x="682497" y="30568"/>
                </a:lnTo>
                <a:lnTo>
                  <a:pt x="731621" y="30568"/>
                </a:lnTo>
                <a:lnTo>
                  <a:pt x="731621" y="27292"/>
                </a:lnTo>
                <a:lnTo>
                  <a:pt x="716775" y="27292"/>
                </a:lnTo>
                <a:lnTo>
                  <a:pt x="712306" y="23475"/>
                </a:lnTo>
                <a:lnTo>
                  <a:pt x="706534" y="20624"/>
                </a:lnTo>
                <a:lnTo>
                  <a:pt x="699449" y="18841"/>
                </a:lnTo>
                <a:lnTo>
                  <a:pt x="691045" y="18224"/>
                </a:lnTo>
                <a:close/>
              </a:path>
              <a:path w="1256665" h="92075">
                <a:moveTo>
                  <a:pt x="731621" y="30568"/>
                </a:moveTo>
                <a:lnTo>
                  <a:pt x="710298" y="30568"/>
                </a:lnTo>
                <a:lnTo>
                  <a:pt x="716775" y="34467"/>
                </a:lnTo>
                <a:lnTo>
                  <a:pt x="716775" y="53111"/>
                </a:lnTo>
                <a:lnTo>
                  <a:pt x="710298" y="56997"/>
                </a:lnTo>
                <a:lnTo>
                  <a:pt x="731621" y="56997"/>
                </a:lnTo>
                <a:lnTo>
                  <a:pt x="731621" y="30568"/>
                </a:lnTo>
                <a:close/>
              </a:path>
              <a:path w="1256665" h="92075">
                <a:moveTo>
                  <a:pt x="731621" y="19088"/>
                </a:moveTo>
                <a:lnTo>
                  <a:pt x="716775" y="19088"/>
                </a:lnTo>
                <a:lnTo>
                  <a:pt x="716775" y="27292"/>
                </a:lnTo>
                <a:lnTo>
                  <a:pt x="731621" y="27292"/>
                </a:lnTo>
                <a:lnTo>
                  <a:pt x="731621" y="19088"/>
                </a:lnTo>
                <a:close/>
              </a:path>
              <a:path w="1256665" h="92075">
                <a:moveTo>
                  <a:pt x="650379" y="19088"/>
                </a:moveTo>
                <a:lnTo>
                  <a:pt x="635609" y="19088"/>
                </a:lnTo>
                <a:lnTo>
                  <a:pt x="635609" y="69951"/>
                </a:lnTo>
                <a:lnTo>
                  <a:pt x="650379" y="69951"/>
                </a:lnTo>
                <a:lnTo>
                  <a:pt x="650379" y="19088"/>
                </a:lnTo>
                <a:close/>
              </a:path>
              <a:path w="1256665" h="92075">
                <a:moveTo>
                  <a:pt x="650379" y="863"/>
                </a:moveTo>
                <a:lnTo>
                  <a:pt x="635609" y="863"/>
                </a:lnTo>
                <a:lnTo>
                  <a:pt x="635609" y="13728"/>
                </a:lnTo>
                <a:lnTo>
                  <a:pt x="650379" y="13728"/>
                </a:lnTo>
                <a:lnTo>
                  <a:pt x="650379" y="863"/>
                </a:lnTo>
                <a:close/>
              </a:path>
              <a:path w="1256665" h="92075">
                <a:moveTo>
                  <a:pt x="583387" y="18224"/>
                </a:moveTo>
                <a:lnTo>
                  <a:pt x="571773" y="19607"/>
                </a:lnTo>
                <a:lnTo>
                  <a:pt x="562121" y="24107"/>
                </a:lnTo>
                <a:lnTo>
                  <a:pt x="555526" y="32251"/>
                </a:lnTo>
                <a:lnTo>
                  <a:pt x="553084" y="44564"/>
                </a:lnTo>
                <a:lnTo>
                  <a:pt x="555526" y="56863"/>
                </a:lnTo>
                <a:lnTo>
                  <a:pt x="562121" y="64976"/>
                </a:lnTo>
                <a:lnTo>
                  <a:pt x="571773" y="69445"/>
                </a:lnTo>
                <a:lnTo>
                  <a:pt x="583387" y="70815"/>
                </a:lnTo>
                <a:lnTo>
                  <a:pt x="591206" y="70252"/>
                </a:lnTo>
                <a:lnTo>
                  <a:pt x="598125" y="68580"/>
                </a:lnTo>
                <a:lnTo>
                  <a:pt x="604025" y="65821"/>
                </a:lnTo>
                <a:lnTo>
                  <a:pt x="608787" y="62001"/>
                </a:lnTo>
                <a:lnTo>
                  <a:pt x="623544" y="62001"/>
                </a:lnTo>
                <a:lnTo>
                  <a:pt x="623544" y="58458"/>
                </a:lnTo>
                <a:lnTo>
                  <a:pt x="575106" y="58458"/>
                </a:lnTo>
                <a:lnTo>
                  <a:pt x="567943" y="54571"/>
                </a:lnTo>
                <a:lnTo>
                  <a:pt x="567943" y="34467"/>
                </a:lnTo>
                <a:lnTo>
                  <a:pt x="575106" y="30568"/>
                </a:lnTo>
                <a:lnTo>
                  <a:pt x="623544" y="30568"/>
                </a:lnTo>
                <a:lnTo>
                  <a:pt x="623544" y="27025"/>
                </a:lnTo>
                <a:lnTo>
                  <a:pt x="608787" y="27025"/>
                </a:lnTo>
                <a:lnTo>
                  <a:pt x="604025" y="23212"/>
                </a:lnTo>
                <a:lnTo>
                  <a:pt x="598125" y="20458"/>
                </a:lnTo>
                <a:lnTo>
                  <a:pt x="591206" y="18787"/>
                </a:lnTo>
                <a:lnTo>
                  <a:pt x="583387" y="18224"/>
                </a:lnTo>
                <a:close/>
              </a:path>
              <a:path w="1256665" h="92075">
                <a:moveTo>
                  <a:pt x="623544" y="62001"/>
                </a:moveTo>
                <a:lnTo>
                  <a:pt x="608787" y="62001"/>
                </a:lnTo>
                <a:lnTo>
                  <a:pt x="608787" y="69951"/>
                </a:lnTo>
                <a:lnTo>
                  <a:pt x="623544" y="69951"/>
                </a:lnTo>
                <a:lnTo>
                  <a:pt x="623544" y="62001"/>
                </a:lnTo>
                <a:close/>
              </a:path>
              <a:path w="1256665" h="92075">
                <a:moveTo>
                  <a:pt x="623544" y="30568"/>
                </a:moveTo>
                <a:lnTo>
                  <a:pt x="601522" y="30568"/>
                </a:lnTo>
                <a:lnTo>
                  <a:pt x="608787" y="34467"/>
                </a:lnTo>
                <a:lnTo>
                  <a:pt x="608787" y="54571"/>
                </a:lnTo>
                <a:lnTo>
                  <a:pt x="601522" y="58458"/>
                </a:lnTo>
                <a:lnTo>
                  <a:pt x="623544" y="58458"/>
                </a:lnTo>
                <a:lnTo>
                  <a:pt x="623544" y="30568"/>
                </a:lnTo>
                <a:close/>
              </a:path>
              <a:path w="1256665" h="92075">
                <a:moveTo>
                  <a:pt x="623544" y="863"/>
                </a:moveTo>
                <a:lnTo>
                  <a:pt x="608787" y="863"/>
                </a:lnTo>
                <a:lnTo>
                  <a:pt x="608787" y="27025"/>
                </a:lnTo>
                <a:lnTo>
                  <a:pt x="623544" y="27025"/>
                </a:lnTo>
                <a:lnTo>
                  <a:pt x="623544" y="863"/>
                </a:lnTo>
                <a:close/>
              </a:path>
              <a:path w="1256665" h="92075">
                <a:moveTo>
                  <a:pt x="462800" y="18224"/>
                </a:moveTo>
                <a:lnTo>
                  <a:pt x="448589" y="19704"/>
                </a:lnTo>
                <a:lnTo>
                  <a:pt x="437446" y="24364"/>
                </a:lnTo>
                <a:lnTo>
                  <a:pt x="430173" y="32540"/>
                </a:lnTo>
                <a:lnTo>
                  <a:pt x="427570" y="44564"/>
                </a:lnTo>
                <a:lnTo>
                  <a:pt x="430220" y="56531"/>
                </a:lnTo>
                <a:lnTo>
                  <a:pt x="437500" y="64681"/>
                </a:lnTo>
                <a:lnTo>
                  <a:pt x="448407" y="69335"/>
                </a:lnTo>
                <a:lnTo>
                  <a:pt x="461937" y="70815"/>
                </a:lnTo>
                <a:lnTo>
                  <a:pt x="474841" y="69652"/>
                </a:lnTo>
                <a:lnTo>
                  <a:pt x="485132" y="66124"/>
                </a:lnTo>
                <a:lnTo>
                  <a:pt x="492524" y="60169"/>
                </a:lnTo>
                <a:lnTo>
                  <a:pt x="493200" y="58813"/>
                </a:lnTo>
                <a:lnTo>
                  <a:pt x="452094" y="58813"/>
                </a:lnTo>
                <a:lnTo>
                  <a:pt x="444322" y="56134"/>
                </a:lnTo>
                <a:lnTo>
                  <a:pt x="442683" y="48006"/>
                </a:lnTo>
                <a:lnTo>
                  <a:pt x="497585" y="48006"/>
                </a:lnTo>
                <a:lnTo>
                  <a:pt x="495815" y="38608"/>
                </a:lnTo>
                <a:lnTo>
                  <a:pt x="443191" y="38608"/>
                </a:lnTo>
                <a:lnTo>
                  <a:pt x="445528" y="31432"/>
                </a:lnTo>
                <a:lnTo>
                  <a:pt x="452615" y="29451"/>
                </a:lnTo>
                <a:lnTo>
                  <a:pt x="491513" y="29451"/>
                </a:lnTo>
                <a:lnTo>
                  <a:pt x="487446" y="24437"/>
                </a:lnTo>
                <a:lnTo>
                  <a:pt x="476395" y="19623"/>
                </a:lnTo>
                <a:lnTo>
                  <a:pt x="462800" y="18224"/>
                </a:lnTo>
                <a:close/>
              </a:path>
              <a:path w="1256665" h="92075">
                <a:moveTo>
                  <a:pt x="496735" y="51727"/>
                </a:moveTo>
                <a:lnTo>
                  <a:pt x="482053" y="51727"/>
                </a:lnTo>
                <a:lnTo>
                  <a:pt x="478345" y="56908"/>
                </a:lnTo>
                <a:lnTo>
                  <a:pt x="472122" y="58813"/>
                </a:lnTo>
                <a:lnTo>
                  <a:pt x="493200" y="58813"/>
                </a:lnTo>
                <a:lnTo>
                  <a:pt x="496735" y="51727"/>
                </a:lnTo>
                <a:close/>
              </a:path>
              <a:path w="1256665" h="92075">
                <a:moveTo>
                  <a:pt x="491513" y="29451"/>
                </a:moveTo>
                <a:lnTo>
                  <a:pt x="472046" y="29451"/>
                </a:lnTo>
                <a:lnTo>
                  <a:pt x="479297" y="31432"/>
                </a:lnTo>
                <a:lnTo>
                  <a:pt x="481787" y="38608"/>
                </a:lnTo>
                <a:lnTo>
                  <a:pt x="495815" y="38608"/>
                </a:lnTo>
                <a:lnTo>
                  <a:pt x="494870" y="33590"/>
                </a:lnTo>
                <a:lnTo>
                  <a:pt x="491513" y="29451"/>
                </a:lnTo>
                <a:close/>
              </a:path>
              <a:path w="1256665" h="92075">
                <a:moveTo>
                  <a:pt x="368858" y="19088"/>
                </a:moveTo>
                <a:lnTo>
                  <a:pt x="352463" y="19088"/>
                </a:lnTo>
                <a:lnTo>
                  <a:pt x="378193" y="69951"/>
                </a:lnTo>
                <a:lnTo>
                  <a:pt x="399262" y="69951"/>
                </a:lnTo>
                <a:lnTo>
                  <a:pt x="404565" y="59499"/>
                </a:lnTo>
                <a:lnTo>
                  <a:pt x="388810" y="59499"/>
                </a:lnTo>
                <a:lnTo>
                  <a:pt x="368858" y="19088"/>
                </a:lnTo>
                <a:close/>
              </a:path>
              <a:path w="1256665" h="92075">
                <a:moveTo>
                  <a:pt x="425068" y="19088"/>
                </a:moveTo>
                <a:lnTo>
                  <a:pt x="408673" y="19088"/>
                </a:lnTo>
                <a:lnTo>
                  <a:pt x="388810" y="59499"/>
                </a:lnTo>
                <a:lnTo>
                  <a:pt x="404565" y="59499"/>
                </a:lnTo>
                <a:lnTo>
                  <a:pt x="425068" y="19088"/>
                </a:lnTo>
                <a:close/>
              </a:path>
              <a:path w="1256665" h="92075">
                <a:moveTo>
                  <a:pt x="343052" y="19088"/>
                </a:moveTo>
                <a:lnTo>
                  <a:pt x="328282" y="19088"/>
                </a:lnTo>
                <a:lnTo>
                  <a:pt x="328282" y="69951"/>
                </a:lnTo>
                <a:lnTo>
                  <a:pt x="343052" y="69951"/>
                </a:lnTo>
                <a:lnTo>
                  <a:pt x="343052" y="19088"/>
                </a:lnTo>
                <a:close/>
              </a:path>
              <a:path w="1256665" h="92075">
                <a:moveTo>
                  <a:pt x="343052" y="863"/>
                </a:moveTo>
                <a:lnTo>
                  <a:pt x="328282" y="863"/>
                </a:lnTo>
                <a:lnTo>
                  <a:pt x="328282" y="13728"/>
                </a:lnTo>
                <a:lnTo>
                  <a:pt x="343052" y="13728"/>
                </a:lnTo>
                <a:lnTo>
                  <a:pt x="343052" y="863"/>
                </a:lnTo>
                <a:close/>
              </a:path>
              <a:path w="1256665" h="92075">
                <a:moveTo>
                  <a:pt x="293001" y="31432"/>
                </a:moveTo>
                <a:lnTo>
                  <a:pt x="278142" y="31432"/>
                </a:lnTo>
                <a:lnTo>
                  <a:pt x="278142" y="54673"/>
                </a:lnTo>
                <a:lnTo>
                  <a:pt x="279669" y="61926"/>
                </a:lnTo>
                <a:lnTo>
                  <a:pt x="284013" y="66949"/>
                </a:lnTo>
                <a:lnTo>
                  <a:pt x="290819" y="69870"/>
                </a:lnTo>
                <a:lnTo>
                  <a:pt x="299732" y="70815"/>
                </a:lnTo>
                <a:lnTo>
                  <a:pt x="306552" y="70815"/>
                </a:lnTo>
                <a:lnTo>
                  <a:pt x="312165" y="70383"/>
                </a:lnTo>
                <a:lnTo>
                  <a:pt x="317093" y="69507"/>
                </a:lnTo>
                <a:lnTo>
                  <a:pt x="317093" y="58458"/>
                </a:lnTo>
                <a:lnTo>
                  <a:pt x="294906" y="58458"/>
                </a:lnTo>
                <a:lnTo>
                  <a:pt x="293001" y="55956"/>
                </a:lnTo>
                <a:lnTo>
                  <a:pt x="293001" y="31432"/>
                </a:lnTo>
                <a:close/>
              </a:path>
              <a:path w="1256665" h="92075">
                <a:moveTo>
                  <a:pt x="317093" y="57607"/>
                </a:moveTo>
                <a:lnTo>
                  <a:pt x="311124" y="58458"/>
                </a:lnTo>
                <a:lnTo>
                  <a:pt x="317093" y="58458"/>
                </a:lnTo>
                <a:lnTo>
                  <a:pt x="317093" y="57607"/>
                </a:lnTo>
                <a:close/>
              </a:path>
              <a:path w="1256665" h="92075">
                <a:moveTo>
                  <a:pt x="317093" y="19088"/>
                </a:moveTo>
                <a:lnTo>
                  <a:pt x="264756" y="19088"/>
                </a:lnTo>
                <a:lnTo>
                  <a:pt x="264756" y="31432"/>
                </a:lnTo>
                <a:lnTo>
                  <a:pt x="317093" y="31432"/>
                </a:lnTo>
                <a:lnTo>
                  <a:pt x="317093" y="19088"/>
                </a:lnTo>
                <a:close/>
              </a:path>
              <a:path w="1256665" h="92075">
                <a:moveTo>
                  <a:pt x="293001" y="4318"/>
                </a:moveTo>
                <a:lnTo>
                  <a:pt x="278142" y="8547"/>
                </a:lnTo>
                <a:lnTo>
                  <a:pt x="278142" y="19088"/>
                </a:lnTo>
                <a:lnTo>
                  <a:pt x="293001" y="19088"/>
                </a:lnTo>
                <a:lnTo>
                  <a:pt x="293001" y="4318"/>
                </a:lnTo>
                <a:close/>
              </a:path>
              <a:path w="1256665" h="92075">
                <a:moveTo>
                  <a:pt x="254495" y="19088"/>
                </a:moveTo>
                <a:lnTo>
                  <a:pt x="239725" y="19088"/>
                </a:lnTo>
                <a:lnTo>
                  <a:pt x="239725" y="69951"/>
                </a:lnTo>
                <a:lnTo>
                  <a:pt x="254495" y="69951"/>
                </a:lnTo>
                <a:lnTo>
                  <a:pt x="254495" y="19088"/>
                </a:lnTo>
                <a:close/>
              </a:path>
              <a:path w="1256665" h="92075">
                <a:moveTo>
                  <a:pt x="254495" y="863"/>
                </a:moveTo>
                <a:lnTo>
                  <a:pt x="239725" y="863"/>
                </a:lnTo>
                <a:lnTo>
                  <a:pt x="239725" y="13728"/>
                </a:lnTo>
                <a:lnTo>
                  <a:pt x="254495" y="13728"/>
                </a:lnTo>
                <a:lnTo>
                  <a:pt x="254495" y="863"/>
                </a:lnTo>
                <a:close/>
              </a:path>
              <a:path w="1256665" h="92075">
                <a:moveTo>
                  <a:pt x="173431" y="52070"/>
                </a:moveTo>
                <a:lnTo>
                  <a:pt x="158661" y="52070"/>
                </a:lnTo>
                <a:lnTo>
                  <a:pt x="161801" y="61846"/>
                </a:lnTo>
                <a:lnTo>
                  <a:pt x="170179" y="67529"/>
                </a:lnTo>
                <a:lnTo>
                  <a:pt x="182235" y="70168"/>
                </a:lnTo>
                <a:lnTo>
                  <a:pt x="196405" y="70815"/>
                </a:lnTo>
                <a:lnTo>
                  <a:pt x="209756" y="70198"/>
                </a:lnTo>
                <a:lnTo>
                  <a:pt x="220022" y="67767"/>
                </a:lnTo>
                <a:lnTo>
                  <a:pt x="226614" y="62649"/>
                </a:lnTo>
                <a:lnTo>
                  <a:pt x="227436" y="59588"/>
                </a:lnTo>
                <a:lnTo>
                  <a:pt x="179044" y="59588"/>
                </a:lnTo>
                <a:lnTo>
                  <a:pt x="173431" y="57518"/>
                </a:lnTo>
                <a:lnTo>
                  <a:pt x="173431" y="52070"/>
                </a:lnTo>
                <a:close/>
              </a:path>
              <a:path w="1256665" h="92075">
                <a:moveTo>
                  <a:pt x="194144" y="18224"/>
                </a:moveTo>
                <a:lnTo>
                  <a:pt x="181188" y="18835"/>
                </a:lnTo>
                <a:lnTo>
                  <a:pt x="170514" y="21142"/>
                </a:lnTo>
                <a:lnTo>
                  <a:pt x="163189" y="25950"/>
                </a:lnTo>
                <a:lnTo>
                  <a:pt x="160477" y="34023"/>
                </a:lnTo>
                <a:lnTo>
                  <a:pt x="162540" y="41404"/>
                </a:lnTo>
                <a:lnTo>
                  <a:pt x="168757" y="45778"/>
                </a:lnTo>
                <a:lnTo>
                  <a:pt x="179165" y="48098"/>
                </a:lnTo>
                <a:lnTo>
                  <a:pt x="193801" y="49314"/>
                </a:lnTo>
                <a:lnTo>
                  <a:pt x="211683" y="50431"/>
                </a:lnTo>
                <a:lnTo>
                  <a:pt x="214109" y="50685"/>
                </a:lnTo>
                <a:lnTo>
                  <a:pt x="214109" y="58547"/>
                </a:lnTo>
                <a:lnTo>
                  <a:pt x="211505" y="59588"/>
                </a:lnTo>
                <a:lnTo>
                  <a:pt x="227436" y="59588"/>
                </a:lnTo>
                <a:lnTo>
                  <a:pt x="195529" y="38430"/>
                </a:lnTo>
                <a:lnTo>
                  <a:pt x="178003" y="37134"/>
                </a:lnTo>
                <a:lnTo>
                  <a:pt x="175323" y="36614"/>
                </a:lnTo>
                <a:lnTo>
                  <a:pt x="175323" y="30492"/>
                </a:lnTo>
                <a:lnTo>
                  <a:pt x="179298" y="29451"/>
                </a:lnTo>
                <a:lnTo>
                  <a:pt x="225691" y="29451"/>
                </a:lnTo>
                <a:lnTo>
                  <a:pt x="224755" y="26245"/>
                </a:lnTo>
                <a:lnTo>
                  <a:pt x="217878" y="21229"/>
                </a:lnTo>
                <a:lnTo>
                  <a:pt x="207404" y="18835"/>
                </a:lnTo>
                <a:lnTo>
                  <a:pt x="194144" y="18224"/>
                </a:lnTo>
                <a:close/>
              </a:path>
              <a:path w="1256665" h="92075">
                <a:moveTo>
                  <a:pt x="225691" y="29451"/>
                </a:moveTo>
                <a:lnTo>
                  <a:pt x="207022" y="29451"/>
                </a:lnTo>
                <a:lnTo>
                  <a:pt x="212382" y="30492"/>
                </a:lnTo>
                <a:lnTo>
                  <a:pt x="212382" y="34721"/>
                </a:lnTo>
                <a:lnTo>
                  <a:pt x="227228" y="34721"/>
                </a:lnTo>
                <a:lnTo>
                  <a:pt x="225691" y="29451"/>
                </a:lnTo>
                <a:close/>
              </a:path>
              <a:path w="1256665" h="92075">
                <a:moveTo>
                  <a:pt x="114909" y="18224"/>
                </a:moveTo>
                <a:lnTo>
                  <a:pt x="100516" y="19704"/>
                </a:lnTo>
                <a:lnTo>
                  <a:pt x="89393" y="24364"/>
                </a:lnTo>
                <a:lnTo>
                  <a:pt x="82221" y="32540"/>
                </a:lnTo>
                <a:lnTo>
                  <a:pt x="79679" y="44564"/>
                </a:lnTo>
                <a:lnTo>
                  <a:pt x="82221" y="56531"/>
                </a:lnTo>
                <a:lnTo>
                  <a:pt x="89393" y="64681"/>
                </a:lnTo>
                <a:lnTo>
                  <a:pt x="100516" y="69335"/>
                </a:lnTo>
                <a:lnTo>
                  <a:pt x="114909" y="70815"/>
                </a:lnTo>
                <a:lnTo>
                  <a:pt x="129265" y="69335"/>
                </a:lnTo>
                <a:lnTo>
                  <a:pt x="140392" y="64681"/>
                </a:lnTo>
                <a:lnTo>
                  <a:pt x="145884" y="58458"/>
                </a:lnTo>
                <a:lnTo>
                  <a:pt x="101180" y="58458"/>
                </a:lnTo>
                <a:lnTo>
                  <a:pt x="94437" y="55092"/>
                </a:lnTo>
                <a:lnTo>
                  <a:pt x="94437" y="33934"/>
                </a:lnTo>
                <a:lnTo>
                  <a:pt x="101180" y="30568"/>
                </a:lnTo>
                <a:lnTo>
                  <a:pt x="145850" y="30568"/>
                </a:lnTo>
                <a:lnTo>
                  <a:pt x="140392" y="24364"/>
                </a:lnTo>
                <a:lnTo>
                  <a:pt x="129265" y="19704"/>
                </a:lnTo>
                <a:lnTo>
                  <a:pt x="114909" y="18224"/>
                </a:lnTo>
                <a:close/>
              </a:path>
              <a:path w="1256665" h="92075">
                <a:moveTo>
                  <a:pt x="145850" y="30568"/>
                </a:moveTo>
                <a:lnTo>
                  <a:pt x="128536" y="30568"/>
                </a:lnTo>
                <a:lnTo>
                  <a:pt x="135280" y="33934"/>
                </a:lnTo>
                <a:lnTo>
                  <a:pt x="135280" y="55092"/>
                </a:lnTo>
                <a:lnTo>
                  <a:pt x="128536" y="58458"/>
                </a:lnTo>
                <a:lnTo>
                  <a:pt x="145884" y="58458"/>
                </a:lnTo>
                <a:lnTo>
                  <a:pt x="147585" y="56531"/>
                </a:lnTo>
                <a:lnTo>
                  <a:pt x="150139" y="44564"/>
                </a:lnTo>
                <a:lnTo>
                  <a:pt x="147585" y="32540"/>
                </a:lnTo>
                <a:lnTo>
                  <a:pt x="145850" y="30568"/>
                </a:lnTo>
                <a:close/>
              </a:path>
              <a:path w="1256665" h="92075">
                <a:moveTo>
                  <a:pt x="47497" y="9512"/>
                </a:moveTo>
                <a:lnTo>
                  <a:pt x="0" y="9512"/>
                </a:lnTo>
                <a:lnTo>
                  <a:pt x="0" y="69951"/>
                </a:lnTo>
                <a:lnTo>
                  <a:pt x="15544" y="69951"/>
                </a:lnTo>
                <a:lnTo>
                  <a:pt x="15544" y="53809"/>
                </a:lnTo>
                <a:lnTo>
                  <a:pt x="47497" y="53809"/>
                </a:lnTo>
                <a:lnTo>
                  <a:pt x="56905" y="52248"/>
                </a:lnTo>
                <a:lnTo>
                  <a:pt x="64215" y="47802"/>
                </a:lnTo>
                <a:lnTo>
                  <a:pt x="68952" y="40833"/>
                </a:lnTo>
                <a:lnTo>
                  <a:pt x="15544" y="40754"/>
                </a:lnTo>
                <a:lnTo>
                  <a:pt x="15544" y="22542"/>
                </a:lnTo>
                <a:lnTo>
                  <a:pt x="68948" y="22542"/>
                </a:lnTo>
                <a:lnTo>
                  <a:pt x="64215" y="15552"/>
                </a:lnTo>
                <a:lnTo>
                  <a:pt x="56905" y="11084"/>
                </a:lnTo>
                <a:lnTo>
                  <a:pt x="47497" y="9512"/>
                </a:lnTo>
                <a:close/>
              </a:path>
              <a:path w="1256665" h="92075">
                <a:moveTo>
                  <a:pt x="68948" y="22542"/>
                </a:moveTo>
                <a:lnTo>
                  <a:pt x="55092" y="22542"/>
                </a:lnTo>
                <a:lnTo>
                  <a:pt x="55092" y="40754"/>
                </a:lnTo>
                <a:lnTo>
                  <a:pt x="68967" y="40754"/>
                </a:lnTo>
                <a:lnTo>
                  <a:pt x="70637" y="31699"/>
                </a:lnTo>
                <a:lnTo>
                  <a:pt x="68948" y="22542"/>
                </a:lnTo>
                <a:close/>
              </a:path>
            </a:pathLst>
          </a:custGeom>
          <a:solidFill>
            <a:srgbClr val="00AA9B"/>
          </a:solidFill>
        </p:spPr>
        <p:txBody>
          <a:bodyPr wrap="square" lIns="0" tIns="0" rIns="0" bIns="0" rtlCol="0"/>
          <a:lstStyle/>
          <a:p>
            <a:endParaRPr sz="1350"/>
          </a:p>
        </p:txBody>
      </p:sp>
      <p:sp>
        <p:nvSpPr>
          <p:cNvPr id="6" name="object 8">
            <a:extLst>
              <a:ext uri="{FF2B5EF4-FFF2-40B4-BE49-F238E27FC236}">
                <a16:creationId xmlns:a16="http://schemas.microsoft.com/office/drawing/2014/main" id="{751A90F7-4173-4539-90AE-F4A8B177F34B}"/>
              </a:ext>
            </a:extLst>
          </p:cNvPr>
          <p:cNvSpPr/>
          <p:nvPr userDrawn="1"/>
        </p:nvSpPr>
        <p:spPr>
          <a:xfrm>
            <a:off x="8763000" y="2743200"/>
            <a:ext cx="2743200" cy="3429000"/>
          </a:xfrm>
          <a:custGeom>
            <a:avLst/>
            <a:gdLst/>
            <a:ahLst/>
            <a:cxnLst/>
            <a:rect l="l" t="t" r="r" b="b"/>
            <a:pathLst>
              <a:path w="3657600" h="4572000">
                <a:moveTo>
                  <a:pt x="3657600" y="0"/>
                </a:moveTo>
                <a:lnTo>
                  <a:pt x="0" y="0"/>
                </a:lnTo>
                <a:lnTo>
                  <a:pt x="0" y="4572000"/>
                </a:lnTo>
                <a:lnTo>
                  <a:pt x="3657600" y="4572000"/>
                </a:lnTo>
                <a:lnTo>
                  <a:pt x="3657600" y="0"/>
                </a:lnTo>
                <a:close/>
              </a:path>
            </a:pathLst>
          </a:custGeom>
          <a:solidFill>
            <a:srgbClr val="00AA9B"/>
          </a:solidFill>
          <a:ln>
            <a:noFill/>
          </a:ln>
        </p:spPr>
        <p:txBody>
          <a:bodyPr wrap="square" lIns="0" tIns="0" rIns="0" bIns="0" rtlCol="0"/>
          <a:lstStyle/>
          <a:p>
            <a:endParaRPr sz="1350"/>
          </a:p>
        </p:txBody>
      </p:sp>
      <p:sp>
        <p:nvSpPr>
          <p:cNvPr id="12" name="object 13">
            <a:extLst>
              <a:ext uri="{FF2B5EF4-FFF2-40B4-BE49-F238E27FC236}">
                <a16:creationId xmlns:a16="http://schemas.microsoft.com/office/drawing/2014/main" id="{AEDC5B23-1647-49B1-8689-60FD3A78D068}"/>
              </a:ext>
            </a:extLst>
          </p:cNvPr>
          <p:cNvSpPr/>
          <p:nvPr/>
        </p:nvSpPr>
        <p:spPr>
          <a:xfrm>
            <a:off x="0" y="0"/>
            <a:ext cx="3962400" cy="6858000"/>
          </a:xfrm>
          <a:custGeom>
            <a:avLst/>
            <a:gdLst/>
            <a:ahLst/>
            <a:cxnLst/>
            <a:rect l="l" t="t" r="r" b="b"/>
            <a:pathLst>
              <a:path w="5283200" h="9144000">
                <a:moveTo>
                  <a:pt x="5283200" y="0"/>
                </a:moveTo>
                <a:lnTo>
                  <a:pt x="0" y="0"/>
                </a:lnTo>
                <a:lnTo>
                  <a:pt x="0" y="9144000"/>
                </a:lnTo>
                <a:lnTo>
                  <a:pt x="5283200" y="9144000"/>
                </a:lnTo>
                <a:lnTo>
                  <a:pt x="5283200" y="0"/>
                </a:lnTo>
                <a:close/>
              </a:path>
            </a:pathLst>
          </a:custGeom>
          <a:solidFill>
            <a:srgbClr val="00AA9B"/>
          </a:solidFill>
        </p:spPr>
        <p:txBody>
          <a:bodyPr wrap="square" lIns="0" tIns="0" rIns="0" bIns="0" rtlCol="0"/>
          <a:lstStyle/>
          <a:p>
            <a:endParaRPr sz="1350"/>
          </a:p>
        </p:txBody>
      </p:sp>
      <p:sp>
        <p:nvSpPr>
          <p:cNvPr id="26" name="object 25">
            <a:extLst>
              <a:ext uri="{FF2B5EF4-FFF2-40B4-BE49-F238E27FC236}">
                <a16:creationId xmlns:a16="http://schemas.microsoft.com/office/drawing/2014/main" id="{B878D6D7-A21E-4916-A1DB-9ADACBC53B10}"/>
              </a:ext>
            </a:extLst>
          </p:cNvPr>
          <p:cNvSpPr/>
          <p:nvPr userDrawn="1"/>
        </p:nvSpPr>
        <p:spPr>
          <a:xfrm>
            <a:off x="8077200" y="1371599"/>
            <a:ext cx="2057400" cy="4800600"/>
          </a:xfrm>
          <a:custGeom>
            <a:avLst/>
            <a:gdLst/>
            <a:ahLst/>
            <a:cxnLst/>
            <a:rect l="l" t="t" r="r" b="b"/>
            <a:pathLst>
              <a:path w="2743200" h="6400800">
                <a:moveTo>
                  <a:pt x="914400" y="5486400"/>
                </a:moveTo>
                <a:lnTo>
                  <a:pt x="0" y="5486400"/>
                </a:lnTo>
                <a:lnTo>
                  <a:pt x="0" y="6400800"/>
                </a:lnTo>
                <a:lnTo>
                  <a:pt x="914400" y="6400800"/>
                </a:lnTo>
                <a:lnTo>
                  <a:pt x="914400" y="5486400"/>
                </a:lnTo>
                <a:close/>
              </a:path>
              <a:path w="2743200" h="6400800">
                <a:moveTo>
                  <a:pt x="914400" y="914400"/>
                </a:moveTo>
                <a:lnTo>
                  <a:pt x="0" y="914400"/>
                </a:lnTo>
                <a:lnTo>
                  <a:pt x="0" y="1828800"/>
                </a:lnTo>
                <a:lnTo>
                  <a:pt x="914400" y="1828800"/>
                </a:lnTo>
                <a:lnTo>
                  <a:pt x="914400" y="914400"/>
                </a:lnTo>
                <a:close/>
              </a:path>
              <a:path w="2743200" h="6400800">
                <a:moveTo>
                  <a:pt x="2743200" y="0"/>
                </a:moveTo>
                <a:lnTo>
                  <a:pt x="1828800" y="0"/>
                </a:lnTo>
                <a:lnTo>
                  <a:pt x="1828800" y="914400"/>
                </a:lnTo>
                <a:lnTo>
                  <a:pt x="2743200" y="914400"/>
                </a:lnTo>
                <a:lnTo>
                  <a:pt x="2743200" y="0"/>
                </a:lnTo>
                <a:close/>
              </a:path>
            </a:pathLst>
          </a:custGeom>
          <a:solidFill>
            <a:srgbClr val="00AA9B"/>
          </a:solidFill>
          <a:ln>
            <a:noFill/>
          </a:ln>
        </p:spPr>
        <p:txBody>
          <a:bodyPr wrap="square" lIns="0" tIns="0" rIns="0" bIns="0" rtlCol="0"/>
          <a:lstStyle/>
          <a:p>
            <a:endParaRPr sz="1350"/>
          </a:p>
        </p:txBody>
      </p:sp>
      <p:sp>
        <p:nvSpPr>
          <p:cNvPr id="39" name="Picture Placeholder 5">
            <a:extLst>
              <a:ext uri="{FF2B5EF4-FFF2-40B4-BE49-F238E27FC236}">
                <a16:creationId xmlns:a16="http://schemas.microsoft.com/office/drawing/2014/main" id="{CF9F1995-3828-492B-8E00-DABB95B1CE12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85800" y="5737800"/>
            <a:ext cx="1905000" cy="182999"/>
          </a:xfrm>
          <a:noFill/>
          <a:ln>
            <a:noFill/>
          </a:ln>
        </p:spPr>
        <p:txBody>
          <a:bodyPr anchor="ctr"/>
          <a:lstStyle>
            <a:lvl1pPr algn="ctr">
              <a:defRPr sz="1200"/>
            </a:lvl1pPr>
          </a:lstStyle>
          <a:p>
            <a:r>
              <a:rPr lang="fr-FR" dirty="0"/>
              <a:t>Insert logo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2E3D4C3-7FF7-4C2C-AC1C-58D153EBB79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6275" y="1029173"/>
            <a:ext cx="2587466" cy="103169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rgbClr val="222C4A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34CC0C3C-8E8C-4602-B27C-EAA9C3EB8451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11675" y="1029173"/>
            <a:ext cx="3084195" cy="103169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ECD69663-3C24-47D3-AADB-4E2655570CE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BAFBAE81-F51D-4C41-B8BE-AF63C50EFAC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0029825" y="350901"/>
            <a:ext cx="1600200" cy="6507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833130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8380F4B4-DFB8-45BA-BF39-FD12DC17938D}"/>
              </a:ext>
            </a:extLst>
          </p:cNvPr>
          <p:cNvSpPr/>
          <p:nvPr userDrawn="1"/>
        </p:nvSpPr>
        <p:spPr>
          <a:xfrm>
            <a:off x="0" y="5143500"/>
            <a:ext cx="12192000" cy="1714500"/>
          </a:xfrm>
          <a:custGeom>
            <a:avLst/>
            <a:gdLst>
              <a:gd name="connsiteX0" fmla="*/ 0 w 16256000"/>
              <a:gd name="connsiteY0" fmla="*/ 0 h 2286000"/>
              <a:gd name="connsiteX1" fmla="*/ 16256000 w 16256000"/>
              <a:gd name="connsiteY1" fmla="*/ 0 h 2286000"/>
              <a:gd name="connsiteX2" fmla="*/ 16256000 w 16256000"/>
              <a:gd name="connsiteY2" fmla="*/ 1371600 h 2286000"/>
              <a:gd name="connsiteX3" fmla="*/ 15341600 w 16256000"/>
              <a:gd name="connsiteY3" fmla="*/ 1371600 h 2286000"/>
              <a:gd name="connsiteX4" fmla="*/ 15341600 w 16256000"/>
              <a:gd name="connsiteY4" fmla="*/ 2286000 h 2286000"/>
              <a:gd name="connsiteX5" fmla="*/ 0 w 16256000"/>
              <a:gd name="connsiteY5" fmla="*/ 2286000 h 228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6256000" h="2286000">
                <a:moveTo>
                  <a:pt x="0" y="0"/>
                </a:moveTo>
                <a:lnTo>
                  <a:pt x="16256000" y="0"/>
                </a:lnTo>
                <a:lnTo>
                  <a:pt x="16256000" y="1371600"/>
                </a:lnTo>
                <a:lnTo>
                  <a:pt x="15341600" y="1371600"/>
                </a:lnTo>
                <a:lnTo>
                  <a:pt x="15341600" y="2286000"/>
                </a:lnTo>
                <a:lnTo>
                  <a:pt x="0" y="2286000"/>
                </a:lnTo>
                <a:close/>
              </a:path>
            </a:pathLst>
          </a:custGeom>
          <a:solidFill>
            <a:srgbClr val="222C4A"/>
          </a:solidFill>
        </p:spPr>
        <p:txBody>
          <a:bodyPr wrap="square" lIns="0" tIns="0" rIns="0" bIns="0" rtlCol="0">
            <a:noAutofit/>
          </a:bodyPr>
          <a:lstStyle/>
          <a:p>
            <a:endParaRPr sz="1350"/>
          </a:p>
        </p:txBody>
      </p:sp>
      <p:pic>
        <p:nvPicPr>
          <p:cNvPr id="35" name="Graphic 34">
            <a:extLst>
              <a:ext uri="{FF2B5EF4-FFF2-40B4-BE49-F238E27FC236}">
                <a16:creationId xmlns:a16="http://schemas.microsoft.com/office/drawing/2014/main" id="{3E79F71F-BB46-4ED9-83A0-23FE54212F1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85801" y="5554267"/>
            <a:ext cx="2743199" cy="929576"/>
          </a:xfrm>
          <a:prstGeom prst="rect">
            <a:avLst/>
          </a:prstGeom>
        </p:spPr>
      </p:pic>
      <p:sp>
        <p:nvSpPr>
          <p:cNvPr id="56" name="Picture Placeholder 55">
            <a:extLst>
              <a:ext uri="{FF2B5EF4-FFF2-40B4-BE49-F238E27FC236}">
                <a16:creationId xmlns:a16="http://schemas.microsoft.com/office/drawing/2014/main" id="{7841DCF2-2B94-45F3-94F5-118FE191F000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85800" y="3086100"/>
            <a:ext cx="1219200" cy="1219200"/>
          </a:xfrm>
          <a:prstGeom prst="ellipse">
            <a:avLst/>
          </a:pr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9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57" name="Text Placeholder 18">
            <a:extLst>
              <a:ext uri="{FF2B5EF4-FFF2-40B4-BE49-F238E27FC236}">
                <a16:creationId xmlns:a16="http://schemas.microsoft.com/office/drawing/2014/main" id="{9675BD83-58FE-4C71-B90D-479A1D8BFE5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38376" y="3328907"/>
            <a:ext cx="3000374" cy="701831"/>
          </a:xfrm>
        </p:spPr>
        <p:txBody>
          <a:bodyPr wrap="square" tIns="75600">
            <a:spAutoFit/>
          </a:bodyPr>
          <a:lstStyle>
            <a:lvl1pPr marL="10800">
              <a:defRPr/>
            </a:lvl1pPr>
            <a:lvl2pPr marL="10800">
              <a:spcBef>
                <a:spcPts val="225"/>
              </a:spcBef>
              <a:defRPr sz="1125">
                <a:solidFill>
                  <a:schemeClr val="accent2"/>
                </a:solidFill>
                <a:latin typeface="+mj-lt"/>
              </a:defRPr>
            </a:lvl2pPr>
            <a:lvl3pPr>
              <a:spcBef>
                <a:spcPts val="344"/>
              </a:spcBef>
              <a:defRPr sz="975">
                <a:solidFill>
                  <a:schemeClr val="accent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irst name Last name</a:t>
            </a:r>
          </a:p>
          <a:p>
            <a:pPr lvl="1"/>
            <a:r>
              <a:rPr lang="en-US" dirty="0" err="1"/>
              <a:t>email@inetum.world</a:t>
            </a:r>
            <a:endParaRPr lang="en-US" dirty="0"/>
          </a:p>
          <a:p>
            <a:pPr lvl="2"/>
            <a:r>
              <a:rPr lang="en-US" dirty="0"/>
              <a:t>Social network</a:t>
            </a:r>
          </a:p>
        </p:txBody>
      </p:sp>
      <p:sp>
        <p:nvSpPr>
          <p:cNvPr id="48" name="Picture Placeholder 47">
            <a:extLst>
              <a:ext uri="{FF2B5EF4-FFF2-40B4-BE49-F238E27FC236}">
                <a16:creationId xmlns:a16="http://schemas.microsoft.com/office/drawing/2014/main" id="{570C0C40-76FE-48E0-A40C-7FA39A61163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85800" y="1371600"/>
            <a:ext cx="1219200" cy="1219200"/>
          </a:xfrm>
          <a:prstGeom prst="ellipse">
            <a:avLst/>
          </a:pr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9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76275" y="697701"/>
            <a:ext cx="9305926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6FA622AA-407E-4F46-953C-4F5CFFF27758}"/>
              </a:ext>
            </a:extLst>
          </p:cNvPr>
          <p:cNvGrpSpPr/>
          <p:nvPr userDrawn="1"/>
        </p:nvGrpSpPr>
        <p:grpSpPr>
          <a:xfrm>
            <a:off x="9625052" y="5902835"/>
            <a:ext cx="264795" cy="264795"/>
            <a:chOff x="12833403" y="7870446"/>
            <a:chExt cx="353060" cy="353060"/>
          </a:xfrm>
        </p:grpSpPr>
        <p:sp>
          <p:nvSpPr>
            <p:cNvPr id="15" name="object 14">
              <a:extLst>
                <a:ext uri="{FF2B5EF4-FFF2-40B4-BE49-F238E27FC236}">
                  <a16:creationId xmlns:a16="http://schemas.microsoft.com/office/drawing/2014/main" id="{FE6F9D51-5130-443F-B1D6-66A7423C656F}"/>
                </a:ext>
              </a:extLst>
            </p:cNvPr>
            <p:cNvSpPr/>
            <p:nvPr/>
          </p:nvSpPr>
          <p:spPr>
            <a:xfrm>
              <a:off x="12833403" y="7870446"/>
              <a:ext cx="353060" cy="353060"/>
            </a:xfrm>
            <a:custGeom>
              <a:avLst/>
              <a:gdLst/>
              <a:ahLst/>
              <a:cxnLst/>
              <a:rect l="l" t="t" r="r" b="b"/>
              <a:pathLst>
                <a:path w="353059" h="353059">
                  <a:moveTo>
                    <a:pt x="0" y="0"/>
                  </a:moveTo>
                  <a:lnTo>
                    <a:pt x="352793" y="0"/>
                  </a:lnTo>
                  <a:lnTo>
                    <a:pt x="352793" y="352793"/>
                  </a:lnTo>
                  <a:lnTo>
                    <a:pt x="0" y="352793"/>
                  </a:lnTo>
                  <a:lnTo>
                    <a:pt x="0" y="0"/>
                  </a:lnTo>
                  <a:close/>
                </a:path>
              </a:pathLst>
            </a:custGeom>
            <a:ln w="1270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 sz="1350"/>
            </a:p>
          </p:txBody>
        </p:sp>
        <p:sp>
          <p:nvSpPr>
            <p:cNvPr id="16" name="object 15">
              <a:extLst>
                <a:ext uri="{FF2B5EF4-FFF2-40B4-BE49-F238E27FC236}">
                  <a16:creationId xmlns:a16="http://schemas.microsoft.com/office/drawing/2014/main" id="{9D8A372B-5C39-4A64-9C1B-63367CD65657}"/>
                </a:ext>
              </a:extLst>
            </p:cNvPr>
            <p:cNvSpPr/>
            <p:nvPr/>
          </p:nvSpPr>
          <p:spPr>
            <a:xfrm>
              <a:off x="12956971" y="7938711"/>
              <a:ext cx="105664" cy="216268"/>
            </a:xfrm>
            <a:prstGeom prst="rect">
              <a:avLst/>
            </a:prstGeom>
            <a:blipFill>
              <a:blip r:embed="rId4" cstate="print"/>
              <a:stretch>
                <a:fillRect/>
              </a:stretch>
            </a:blipFill>
          </p:spPr>
          <p:txBody>
            <a:bodyPr wrap="square" lIns="0" tIns="0" rIns="0" bIns="0" rtlCol="0"/>
            <a:lstStyle/>
            <a:p>
              <a:endParaRPr sz="1350"/>
            </a:p>
          </p:txBody>
        </p:sp>
      </p:grpSp>
      <p:grpSp>
        <p:nvGrpSpPr>
          <p:cNvPr id="6" name="Group 5">
            <a:extLst>
              <a:ext uri="{FF2B5EF4-FFF2-40B4-BE49-F238E27FC236}">
                <a16:creationId xmlns:a16="http://schemas.microsoft.com/office/drawing/2014/main" id="{5B1B7B49-0DA0-45B6-8E19-E1D65283D0ED}"/>
              </a:ext>
            </a:extLst>
          </p:cNvPr>
          <p:cNvGrpSpPr/>
          <p:nvPr userDrawn="1"/>
        </p:nvGrpSpPr>
        <p:grpSpPr>
          <a:xfrm>
            <a:off x="10027998" y="5902835"/>
            <a:ext cx="264795" cy="264795"/>
            <a:chOff x="13370664" y="7870446"/>
            <a:chExt cx="353060" cy="353060"/>
          </a:xfrm>
        </p:grpSpPr>
        <p:sp>
          <p:nvSpPr>
            <p:cNvPr id="18" name="object 16">
              <a:extLst>
                <a:ext uri="{FF2B5EF4-FFF2-40B4-BE49-F238E27FC236}">
                  <a16:creationId xmlns:a16="http://schemas.microsoft.com/office/drawing/2014/main" id="{656B5F96-588D-4950-953A-24C2FAA305BA}"/>
                </a:ext>
              </a:extLst>
            </p:cNvPr>
            <p:cNvSpPr/>
            <p:nvPr/>
          </p:nvSpPr>
          <p:spPr>
            <a:xfrm>
              <a:off x="13370664" y="7870446"/>
              <a:ext cx="353060" cy="353060"/>
            </a:xfrm>
            <a:custGeom>
              <a:avLst/>
              <a:gdLst/>
              <a:ahLst/>
              <a:cxnLst/>
              <a:rect l="l" t="t" r="r" b="b"/>
              <a:pathLst>
                <a:path w="353059" h="353059">
                  <a:moveTo>
                    <a:pt x="0" y="0"/>
                  </a:moveTo>
                  <a:lnTo>
                    <a:pt x="352793" y="0"/>
                  </a:lnTo>
                  <a:lnTo>
                    <a:pt x="352793" y="352793"/>
                  </a:lnTo>
                  <a:lnTo>
                    <a:pt x="0" y="352793"/>
                  </a:lnTo>
                  <a:lnTo>
                    <a:pt x="0" y="0"/>
                  </a:lnTo>
                  <a:close/>
                </a:path>
              </a:pathLst>
            </a:custGeom>
            <a:ln w="1270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 sz="1350"/>
            </a:p>
          </p:txBody>
        </p:sp>
        <p:sp>
          <p:nvSpPr>
            <p:cNvPr id="19" name="object 17">
              <a:extLst>
                <a:ext uri="{FF2B5EF4-FFF2-40B4-BE49-F238E27FC236}">
                  <a16:creationId xmlns:a16="http://schemas.microsoft.com/office/drawing/2014/main" id="{11BF1B32-D111-4881-9DFF-43E6C6F520A6}"/>
                </a:ext>
              </a:extLst>
            </p:cNvPr>
            <p:cNvSpPr/>
            <p:nvPr/>
          </p:nvSpPr>
          <p:spPr>
            <a:xfrm>
              <a:off x="13442765" y="7962081"/>
              <a:ext cx="208597" cy="169532"/>
            </a:xfrm>
            <a:prstGeom prst="rect">
              <a:avLst/>
            </a:prstGeom>
            <a:blipFill>
              <a:blip r:embed="rId5" cstate="print"/>
              <a:stretch>
                <a:fillRect/>
              </a:stretch>
            </a:blipFill>
          </p:spPr>
          <p:txBody>
            <a:bodyPr wrap="square" lIns="0" tIns="0" rIns="0" bIns="0" rtlCol="0"/>
            <a:lstStyle/>
            <a:p>
              <a:endParaRPr sz="1350"/>
            </a:p>
          </p:txBody>
        </p:sp>
      </p:grpSp>
      <p:grpSp>
        <p:nvGrpSpPr>
          <p:cNvPr id="28" name="Group 27">
            <a:extLst>
              <a:ext uri="{FF2B5EF4-FFF2-40B4-BE49-F238E27FC236}">
                <a16:creationId xmlns:a16="http://schemas.microsoft.com/office/drawing/2014/main" id="{56C6C106-DE9F-424D-9B9A-C24F893C9D73}"/>
              </a:ext>
            </a:extLst>
          </p:cNvPr>
          <p:cNvGrpSpPr/>
          <p:nvPr userDrawn="1"/>
        </p:nvGrpSpPr>
        <p:grpSpPr>
          <a:xfrm>
            <a:off x="11236839" y="5902835"/>
            <a:ext cx="264795" cy="264795"/>
            <a:chOff x="14982452" y="7870446"/>
            <a:chExt cx="353060" cy="353060"/>
          </a:xfrm>
        </p:grpSpPr>
        <p:sp>
          <p:nvSpPr>
            <p:cNvPr id="20" name="object 18">
              <a:extLst>
                <a:ext uri="{FF2B5EF4-FFF2-40B4-BE49-F238E27FC236}">
                  <a16:creationId xmlns:a16="http://schemas.microsoft.com/office/drawing/2014/main" id="{48B0EE01-8313-438B-85E4-919E3227E5BE}"/>
                </a:ext>
              </a:extLst>
            </p:cNvPr>
            <p:cNvSpPr/>
            <p:nvPr/>
          </p:nvSpPr>
          <p:spPr>
            <a:xfrm>
              <a:off x="14982452" y="7870446"/>
              <a:ext cx="353060" cy="353060"/>
            </a:xfrm>
            <a:custGeom>
              <a:avLst/>
              <a:gdLst/>
              <a:ahLst/>
              <a:cxnLst/>
              <a:rect l="l" t="t" r="r" b="b"/>
              <a:pathLst>
                <a:path w="353059" h="353059">
                  <a:moveTo>
                    <a:pt x="0" y="0"/>
                  </a:moveTo>
                  <a:lnTo>
                    <a:pt x="352793" y="0"/>
                  </a:lnTo>
                  <a:lnTo>
                    <a:pt x="352793" y="352793"/>
                  </a:lnTo>
                  <a:lnTo>
                    <a:pt x="0" y="352793"/>
                  </a:lnTo>
                  <a:lnTo>
                    <a:pt x="0" y="0"/>
                  </a:lnTo>
                  <a:close/>
                </a:path>
              </a:pathLst>
            </a:custGeom>
            <a:ln w="1270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 sz="1350"/>
            </a:p>
          </p:txBody>
        </p:sp>
        <p:sp>
          <p:nvSpPr>
            <p:cNvPr id="21" name="object 19">
              <a:extLst>
                <a:ext uri="{FF2B5EF4-FFF2-40B4-BE49-F238E27FC236}">
                  <a16:creationId xmlns:a16="http://schemas.microsoft.com/office/drawing/2014/main" id="{4656ECC0-6C42-4410-9C22-44D7020441F1}"/>
                </a:ext>
              </a:extLst>
            </p:cNvPr>
            <p:cNvSpPr/>
            <p:nvPr/>
          </p:nvSpPr>
          <p:spPr>
            <a:xfrm>
              <a:off x="15049749" y="7937746"/>
              <a:ext cx="218198" cy="218198"/>
            </a:xfrm>
            <a:prstGeom prst="rect">
              <a:avLst/>
            </a:prstGeom>
            <a:blipFill>
              <a:blip r:embed="rId6" cstate="print"/>
              <a:stretch>
                <a:fillRect/>
              </a:stretch>
            </a:blipFill>
          </p:spPr>
          <p:txBody>
            <a:bodyPr wrap="square" lIns="0" tIns="0" rIns="0" bIns="0" rtlCol="0"/>
            <a:lstStyle/>
            <a:p>
              <a:endParaRPr sz="1350"/>
            </a:p>
          </p:txBody>
        </p:sp>
      </p:grpSp>
      <p:grpSp>
        <p:nvGrpSpPr>
          <p:cNvPr id="27" name="Group 26">
            <a:extLst>
              <a:ext uri="{FF2B5EF4-FFF2-40B4-BE49-F238E27FC236}">
                <a16:creationId xmlns:a16="http://schemas.microsoft.com/office/drawing/2014/main" id="{3C6C8FFF-8FEA-4190-BEF9-18887051D0DD}"/>
              </a:ext>
            </a:extLst>
          </p:cNvPr>
          <p:cNvGrpSpPr/>
          <p:nvPr userDrawn="1"/>
        </p:nvGrpSpPr>
        <p:grpSpPr>
          <a:xfrm>
            <a:off x="10833893" y="5902835"/>
            <a:ext cx="264795" cy="264795"/>
            <a:chOff x="14445191" y="7870446"/>
            <a:chExt cx="353060" cy="353060"/>
          </a:xfrm>
        </p:grpSpPr>
        <p:sp>
          <p:nvSpPr>
            <p:cNvPr id="23" name="object 20">
              <a:extLst>
                <a:ext uri="{FF2B5EF4-FFF2-40B4-BE49-F238E27FC236}">
                  <a16:creationId xmlns:a16="http://schemas.microsoft.com/office/drawing/2014/main" id="{23414877-28FB-4DC1-8403-7063952D0A34}"/>
                </a:ext>
              </a:extLst>
            </p:cNvPr>
            <p:cNvSpPr/>
            <p:nvPr/>
          </p:nvSpPr>
          <p:spPr>
            <a:xfrm>
              <a:off x="14445191" y="7870446"/>
              <a:ext cx="353060" cy="353060"/>
            </a:xfrm>
            <a:custGeom>
              <a:avLst/>
              <a:gdLst/>
              <a:ahLst/>
              <a:cxnLst/>
              <a:rect l="l" t="t" r="r" b="b"/>
              <a:pathLst>
                <a:path w="353059" h="353059">
                  <a:moveTo>
                    <a:pt x="0" y="0"/>
                  </a:moveTo>
                  <a:lnTo>
                    <a:pt x="352793" y="0"/>
                  </a:lnTo>
                  <a:lnTo>
                    <a:pt x="352793" y="352793"/>
                  </a:lnTo>
                  <a:lnTo>
                    <a:pt x="0" y="352793"/>
                  </a:lnTo>
                  <a:lnTo>
                    <a:pt x="0" y="0"/>
                  </a:lnTo>
                  <a:close/>
                </a:path>
              </a:pathLst>
            </a:custGeom>
            <a:ln w="1270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 sz="1350"/>
            </a:p>
          </p:txBody>
        </p:sp>
        <p:sp>
          <p:nvSpPr>
            <p:cNvPr id="24" name="object 21">
              <a:extLst>
                <a:ext uri="{FF2B5EF4-FFF2-40B4-BE49-F238E27FC236}">
                  <a16:creationId xmlns:a16="http://schemas.microsoft.com/office/drawing/2014/main" id="{152A3D67-68A0-4395-A725-E4D4B063083F}"/>
                </a:ext>
              </a:extLst>
            </p:cNvPr>
            <p:cNvSpPr/>
            <p:nvPr/>
          </p:nvSpPr>
          <p:spPr>
            <a:xfrm>
              <a:off x="14516264" y="7973118"/>
              <a:ext cx="210654" cy="147447"/>
            </a:xfrm>
            <a:prstGeom prst="rect">
              <a:avLst/>
            </a:prstGeom>
            <a:blipFill>
              <a:blip r:embed="rId7" cstate="print"/>
              <a:stretch>
                <a:fillRect/>
              </a:stretch>
            </a:blipFill>
          </p:spPr>
          <p:txBody>
            <a:bodyPr wrap="square" lIns="0" tIns="0" rIns="0" bIns="0" rtlCol="0"/>
            <a:lstStyle/>
            <a:p>
              <a:endParaRPr sz="1350"/>
            </a:p>
          </p:txBody>
        </p:sp>
      </p:grpSp>
      <p:grpSp>
        <p:nvGrpSpPr>
          <p:cNvPr id="8" name="Group 7">
            <a:extLst>
              <a:ext uri="{FF2B5EF4-FFF2-40B4-BE49-F238E27FC236}">
                <a16:creationId xmlns:a16="http://schemas.microsoft.com/office/drawing/2014/main" id="{59B15965-B2D7-4F16-8E53-EFCD29DF2415}"/>
              </a:ext>
            </a:extLst>
          </p:cNvPr>
          <p:cNvGrpSpPr/>
          <p:nvPr userDrawn="1"/>
        </p:nvGrpSpPr>
        <p:grpSpPr>
          <a:xfrm>
            <a:off x="10430946" y="5902835"/>
            <a:ext cx="264795" cy="264795"/>
            <a:chOff x="13907928" y="7870446"/>
            <a:chExt cx="353060" cy="353060"/>
          </a:xfrm>
        </p:grpSpPr>
        <p:sp>
          <p:nvSpPr>
            <p:cNvPr id="25" name="object 22">
              <a:extLst>
                <a:ext uri="{FF2B5EF4-FFF2-40B4-BE49-F238E27FC236}">
                  <a16:creationId xmlns:a16="http://schemas.microsoft.com/office/drawing/2014/main" id="{55F9FD29-BE99-4B55-9E02-369EDD098BF6}"/>
                </a:ext>
              </a:extLst>
            </p:cNvPr>
            <p:cNvSpPr/>
            <p:nvPr/>
          </p:nvSpPr>
          <p:spPr>
            <a:xfrm>
              <a:off x="13907928" y="7870446"/>
              <a:ext cx="353060" cy="353060"/>
            </a:xfrm>
            <a:custGeom>
              <a:avLst/>
              <a:gdLst/>
              <a:ahLst/>
              <a:cxnLst/>
              <a:rect l="l" t="t" r="r" b="b"/>
              <a:pathLst>
                <a:path w="353059" h="353059">
                  <a:moveTo>
                    <a:pt x="0" y="0"/>
                  </a:moveTo>
                  <a:lnTo>
                    <a:pt x="352793" y="0"/>
                  </a:lnTo>
                  <a:lnTo>
                    <a:pt x="352793" y="352793"/>
                  </a:lnTo>
                  <a:lnTo>
                    <a:pt x="0" y="352793"/>
                  </a:lnTo>
                  <a:lnTo>
                    <a:pt x="0" y="0"/>
                  </a:lnTo>
                  <a:close/>
                </a:path>
              </a:pathLst>
            </a:custGeom>
            <a:ln w="1270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 sz="1350"/>
            </a:p>
          </p:txBody>
        </p:sp>
        <p:sp>
          <p:nvSpPr>
            <p:cNvPr id="26" name="object 23">
              <a:extLst>
                <a:ext uri="{FF2B5EF4-FFF2-40B4-BE49-F238E27FC236}">
                  <a16:creationId xmlns:a16="http://schemas.microsoft.com/office/drawing/2014/main" id="{BD7E5DCE-E3CE-4A81-935E-3853938624C6}"/>
                </a:ext>
              </a:extLst>
            </p:cNvPr>
            <p:cNvSpPr/>
            <p:nvPr/>
          </p:nvSpPr>
          <p:spPr>
            <a:xfrm>
              <a:off x="13990901" y="7954696"/>
              <a:ext cx="186842" cy="184302"/>
            </a:xfrm>
            <a:prstGeom prst="rect">
              <a:avLst/>
            </a:prstGeom>
            <a:blipFill>
              <a:blip r:embed="rId8" cstate="print"/>
              <a:stretch>
                <a:fillRect/>
              </a:stretch>
            </a:blipFill>
          </p:spPr>
          <p:txBody>
            <a:bodyPr wrap="square" lIns="0" tIns="0" rIns="0" bIns="0" rtlCol="0"/>
            <a:lstStyle/>
            <a:p>
              <a:endParaRPr sz="1350"/>
            </a:p>
          </p:txBody>
        </p:sp>
      </p:grpSp>
      <p:sp>
        <p:nvSpPr>
          <p:cNvPr id="30" name="object 8">
            <a:extLst>
              <a:ext uri="{FF2B5EF4-FFF2-40B4-BE49-F238E27FC236}">
                <a16:creationId xmlns:a16="http://schemas.microsoft.com/office/drawing/2014/main" id="{30407C8C-1F92-4D15-91A5-2F39144E61A5}"/>
              </a:ext>
            </a:extLst>
          </p:cNvPr>
          <p:cNvSpPr txBox="1"/>
          <p:nvPr userDrawn="1"/>
        </p:nvSpPr>
        <p:spPr>
          <a:xfrm>
            <a:off x="9625052" y="5487350"/>
            <a:ext cx="1891148" cy="263534"/>
          </a:xfrm>
          <a:prstGeom prst="rect">
            <a:avLst/>
          </a:prstGeom>
        </p:spPr>
        <p:txBody>
          <a:bodyPr vert="horz" wrap="square" lIns="0" tIns="9525" rIns="0" bIns="0" rtlCol="0">
            <a:spAutoFit/>
          </a:bodyPr>
          <a:lstStyle/>
          <a:p>
            <a:pPr marL="9525" algn="r">
              <a:lnSpc>
                <a:spcPct val="100000"/>
              </a:lnSpc>
              <a:spcBef>
                <a:spcPts val="75"/>
              </a:spcBef>
            </a:pPr>
            <a:r>
              <a:rPr sz="1650" b="1" dirty="0">
                <a:solidFill>
                  <a:srgbClr val="EF4641"/>
                </a:solidFill>
                <a:latin typeface="Verdana" panose="020B0604030504040204" pitchFamily="34" charset="0"/>
                <a:cs typeface="Poppins ExtraBold"/>
              </a:rPr>
              <a:t>inetum.world</a:t>
            </a:r>
            <a:endParaRPr sz="1650" dirty="0">
              <a:latin typeface="Verdana" panose="020B0604030504040204" pitchFamily="34" charset="0"/>
              <a:cs typeface="Poppins ExtraBold"/>
            </a:endParaRPr>
          </a:p>
        </p:txBody>
      </p:sp>
      <p:sp>
        <p:nvSpPr>
          <p:cNvPr id="49" name="Text Placeholder 18">
            <a:extLst>
              <a:ext uri="{FF2B5EF4-FFF2-40B4-BE49-F238E27FC236}">
                <a16:creationId xmlns:a16="http://schemas.microsoft.com/office/drawing/2014/main" id="{1F2F5812-A87B-4FF0-8AF0-430D0522C059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38376" y="1614407"/>
            <a:ext cx="3000374" cy="701831"/>
          </a:xfrm>
        </p:spPr>
        <p:txBody>
          <a:bodyPr wrap="square" tIns="75600">
            <a:spAutoFit/>
          </a:bodyPr>
          <a:lstStyle>
            <a:lvl1pPr marL="10800">
              <a:defRPr/>
            </a:lvl1pPr>
            <a:lvl2pPr marL="10800">
              <a:spcBef>
                <a:spcPts val="225"/>
              </a:spcBef>
              <a:defRPr sz="1125">
                <a:solidFill>
                  <a:schemeClr val="accent2"/>
                </a:solidFill>
                <a:latin typeface="+mj-lt"/>
              </a:defRPr>
            </a:lvl2pPr>
            <a:lvl3pPr>
              <a:spcBef>
                <a:spcPts val="344"/>
              </a:spcBef>
              <a:defRPr sz="975">
                <a:solidFill>
                  <a:schemeClr val="accent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irst name Last name</a:t>
            </a:r>
          </a:p>
          <a:p>
            <a:pPr lvl="1"/>
            <a:r>
              <a:rPr lang="en-US" dirty="0" err="1"/>
              <a:t>email@inetum.world</a:t>
            </a:r>
            <a:endParaRPr lang="en-US" dirty="0"/>
          </a:p>
          <a:p>
            <a:pPr lvl="2"/>
            <a:r>
              <a:rPr lang="en-US" dirty="0"/>
              <a:t>Social network</a:t>
            </a:r>
          </a:p>
        </p:txBody>
      </p:sp>
      <p:sp>
        <p:nvSpPr>
          <p:cNvPr id="58" name="Picture Placeholder 57">
            <a:extLst>
              <a:ext uri="{FF2B5EF4-FFF2-40B4-BE49-F238E27FC236}">
                <a16:creationId xmlns:a16="http://schemas.microsoft.com/office/drawing/2014/main" id="{565143D5-803B-4BBC-9EEC-05BD666ADE7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438900" y="3086100"/>
            <a:ext cx="1219200" cy="1219200"/>
          </a:xfrm>
          <a:prstGeom prst="ellipse">
            <a:avLst/>
          </a:pr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9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59" name="Text Placeholder 18">
            <a:extLst>
              <a:ext uri="{FF2B5EF4-FFF2-40B4-BE49-F238E27FC236}">
                <a16:creationId xmlns:a16="http://schemas.microsoft.com/office/drawing/2014/main" id="{15EB7A04-D68C-41D0-B905-5073B5F80E4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991476" y="3328907"/>
            <a:ext cx="3000374" cy="701831"/>
          </a:xfrm>
        </p:spPr>
        <p:txBody>
          <a:bodyPr wrap="square" tIns="75600">
            <a:spAutoFit/>
          </a:bodyPr>
          <a:lstStyle>
            <a:lvl1pPr marL="10800">
              <a:defRPr/>
            </a:lvl1pPr>
            <a:lvl2pPr marL="10800">
              <a:spcBef>
                <a:spcPts val="225"/>
              </a:spcBef>
              <a:defRPr sz="1125">
                <a:solidFill>
                  <a:schemeClr val="accent2"/>
                </a:solidFill>
                <a:latin typeface="+mj-lt"/>
              </a:defRPr>
            </a:lvl2pPr>
            <a:lvl3pPr>
              <a:spcBef>
                <a:spcPts val="344"/>
              </a:spcBef>
              <a:defRPr sz="975">
                <a:solidFill>
                  <a:schemeClr val="accent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irst name Last name</a:t>
            </a:r>
          </a:p>
          <a:p>
            <a:pPr lvl="1"/>
            <a:r>
              <a:rPr lang="en-US" dirty="0" err="1"/>
              <a:t>email@inetum.world</a:t>
            </a:r>
            <a:endParaRPr lang="en-US" dirty="0"/>
          </a:p>
          <a:p>
            <a:pPr lvl="2"/>
            <a:r>
              <a:rPr lang="en-US" dirty="0"/>
              <a:t>Social network</a:t>
            </a:r>
          </a:p>
        </p:txBody>
      </p:sp>
      <p:sp>
        <p:nvSpPr>
          <p:cNvPr id="60" name="Picture Placeholder 59">
            <a:extLst>
              <a:ext uri="{FF2B5EF4-FFF2-40B4-BE49-F238E27FC236}">
                <a16:creationId xmlns:a16="http://schemas.microsoft.com/office/drawing/2014/main" id="{E0B973B9-F199-4B5E-803F-4410743BD728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6438900" y="1371600"/>
            <a:ext cx="1219200" cy="1219200"/>
          </a:xfrm>
          <a:prstGeom prst="ellipse">
            <a:avLst/>
          </a:pr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9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61" name="Text Placeholder 18">
            <a:extLst>
              <a:ext uri="{FF2B5EF4-FFF2-40B4-BE49-F238E27FC236}">
                <a16:creationId xmlns:a16="http://schemas.microsoft.com/office/drawing/2014/main" id="{A2767ABD-17B9-4375-BB06-FA22C3DCE96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991476" y="1614407"/>
            <a:ext cx="3000374" cy="701831"/>
          </a:xfrm>
        </p:spPr>
        <p:txBody>
          <a:bodyPr wrap="square" tIns="75600">
            <a:spAutoFit/>
          </a:bodyPr>
          <a:lstStyle>
            <a:lvl1pPr marL="10800">
              <a:defRPr/>
            </a:lvl1pPr>
            <a:lvl2pPr marL="10800">
              <a:spcBef>
                <a:spcPts val="225"/>
              </a:spcBef>
              <a:defRPr sz="1125">
                <a:solidFill>
                  <a:schemeClr val="accent2"/>
                </a:solidFill>
                <a:latin typeface="+mj-lt"/>
              </a:defRPr>
            </a:lvl2pPr>
            <a:lvl3pPr>
              <a:spcBef>
                <a:spcPts val="344"/>
              </a:spcBef>
              <a:defRPr sz="975">
                <a:solidFill>
                  <a:schemeClr val="accent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irst name Last name</a:t>
            </a:r>
          </a:p>
          <a:p>
            <a:pPr lvl="1"/>
            <a:r>
              <a:rPr lang="en-US" dirty="0" err="1"/>
              <a:t>email@inetum.world</a:t>
            </a:r>
            <a:endParaRPr lang="en-US" dirty="0"/>
          </a:p>
          <a:p>
            <a:pPr lvl="2"/>
            <a:r>
              <a:rPr lang="en-US" dirty="0"/>
              <a:t>Social network</a:t>
            </a:r>
          </a:p>
        </p:txBody>
      </p:sp>
      <p:pic>
        <p:nvPicPr>
          <p:cNvPr id="34" name="Picture 33" descr="Logo&#10;&#10;Description automatically generated">
            <a:extLst>
              <a:ext uri="{FF2B5EF4-FFF2-40B4-BE49-F238E27FC236}">
                <a16:creationId xmlns:a16="http://schemas.microsoft.com/office/drawing/2014/main" id="{A4CF3A78-D31C-4DD3-ACD5-745E15768EC6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29825" y="321563"/>
            <a:ext cx="1600200" cy="7094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420837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rk_Team">
    <p:bg>
      <p:bgPr>
        <a:solidFill>
          <a:srgbClr val="222C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8380F4B4-DFB8-45BA-BF39-FD12DC17938D}"/>
              </a:ext>
            </a:extLst>
          </p:cNvPr>
          <p:cNvSpPr/>
          <p:nvPr userDrawn="1"/>
        </p:nvSpPr>
        <p:spPr>
          <a:xfrm>
            <a:off x="0" y="5143500"/>
            <a:ext cx="12192000" cy="1714500"/>
          </a:xfrm>
          <a:custGeom>
            <a:avLst/>
            <a:gdLst>
              <a:gd name="connsiteX0" fmla="*/ 0 w 16256000"/>
              <a:gd name="connsiteY0" fmla="*/ 0 h 2286000"/>
              <a:gd name="connsiteX1" fmla="*/ 16256000 w 16256000"/>
              <a:gd name="connsiteY1" fmla="*/ 0 h 2286000"/>
              <a:gd name="connsiteX2" fmla="*/ 16256000 w 16256000"/>
              <a:gd name="connsiteY2" fmla="*/ 1371600 h 2286000"/>
              <a:gd name="connsiteX3" fmla="*/ 15341600 w 16256000"/>
              <a:gd name="connsiteY3" fmla="*/ 1371600 h 2286000"/>
              <a:gd name="connsiteX4" fmla="*/ 15341600 w 16256000"/>
              <a:gd name="connsiteY4" fmla="*/ 2286000 h 2286000"/>
              <a:gd name="connsiteX5" fmla="*/ 0 w 16256000"/>
              <a:gd name="connsiteY5" fmla="*/ 2286000 h 228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6256000" h="2286000">
                <a:moveTo>
                  <a:pt x="0" y="0"/>
                </a:moveTo>
                <a:lnTo>
                  <a:pt x="16256000" y="0"/>
                </a:lnTo>
                <a:lnTo>
                  <a:pt x="16256000" y="1371600"/>
                </a:lnTo>
                <a:lnTo>
                  <a:pt x="15341600" y="1371600"/>
                </a:lnTo>
                <a:lnTo>
                  <a:pt x="15341600" y="2286000"/>
                </a:lnTo>
                <a:lnTo>
                  <a:pt x="0" y="2286000"/>
                </a:lnTo>
                <a:close/>
              </a:path>
            </a:pathLst>
          </a:custGeom>
          <a:solidFill>
            <a:srgbClr val="222C4A"/>
          </a:solidFill>
        </p:spPr>
        <p:txBody>
          <a:bodyPr wrap="square" lIns="0" tIns="0" rIns="0" bIns="0" rtlCol="0">
            <a:noAutofit/>
          </a:bodyPr>
          <a:lstStyle/>
          <a:p>
            <a:endParaRPr sz="1350"/>
          </a:p>
        </p:txBody>
      </p:sp>
      <p:pic>
        <p:nvPicPr>
          <p:cNvPr id="35" name="Graphic 34">
            <a:extLst>
              <a:ext uri="{FF2B5EF4-FFF2-40B4-BE49-F238E27FC236}">
                <a16:creationId xmlns:a16="http://schemas.microsoft.com/office/drawing/2014/main" id="{3E79F71F-BB46-4ED9-83A0-23FE54212F1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85801" y="5554267"/>
            <a:ext cx="2743199" cy="929576"/>
          </a:xfrm>
          <a:prstGeom prst="rect">
            <a:avLst/>
          </a:prstGeom>
        </p:spPr>
      </p:pic>
      <p:sp>
        <p:nvSpPr>
          <p:cNvPr id="56" name="Picture Placeholder 55">
            <a:extLst>
              <a:ext uri="{FF2B5EF4-FFF2-40B4-BE49-F238E27FC236}">
                <a16:creationId xmlns:a16="http://schemas.microsoft.com/office/drawing/2014/main" id="{7841DCF2-2B94-45F3-94F5-118FE191F000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85800" y="3086100"/>
            <a:ext cx="1219200" cy="1219200"/>
          </a:xfrm>
          <a:prstGeom prst="ellipse">
            <a:avLst/>
          </a:pr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9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57" name="Text Placeholder 18">
            <a:extLst>
              <a:ext uri="{FF2B5EF4-FFF2-40B4-BE49-F238E27FC236}">
                <a16:creationId xmlns:a16="http://schemas.microsoft.com/office/drawing/2014/main" id="{9675BD83-58FE-4C71-B90D-479A1D8BFE5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38376" y="3328906"/>
            <a:ext cx="3000374" cy="701831"/>
          </a:xfrm>
        </p:spPr>
        <p:txBody>
          <a:bodyPr wrap="square" tIns="75600">
            <a:spAutoFit/>
          </a:bodyPr>
          <a:lstStyle>
            <a:lvl1pPr marL="10800">
              <a:defRPr>
                <a:solidFill>
                  <a:schemeClr val="bg1"/>
                </a:solidFill>
              </a:defRPr>
            </a:lvl1pPr>
            <a:lvl2pPr marL="10800">
              <a:spcBef>
                <a:spcPts val="225"/>
              </a:spcBef>
              <a:defRPr sz="1125">
                <a:solidFill>
                  <a:schemeClr val="accent2"/>
                </a:solidFill>
                <a:latin typeface="+mj-lt"/>
              </a:defRPr>
            </a:lvl2pPr>
            <a:lvl3pPr>
              <a:spcBef>
                <a:spcPts val="344"/>
              </a:spcBef>
              <a:defRPr sz="975">
                <a:solidFill>
                  <a:schemeClr val="accent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irst name Last name</a:t>
            </a:r>
          </a:p>
          <a:p>
            <a:pPr lvl="1"/>
            <a:r>
              <a:rPr lang="en-US" dirty="0" err="1"/>
              <a:t>email@inetum.world</a:t>
            </a:r>
            <a:endParaRPr lang="en-US" dirty="0"/>
          </a:p>
          <a:p>
            <a:pPr lvl="2"/>
            <a:r>
              <a:rPr lang="en-US" dirty="0"/>
              <a:t>Social network</a:t>
            </a:r>
          </a:p>
        </p:txBody>
      </p:sp>
      <p:sp>
        <p:nvSpPr>
          <p:cNvPr id="48" name="Picture Placeholder 47">
            <a:extLst>
              <a:ext uri="{FF2B5EF4-FFF2-40B4-BE49-F238E27FC236}">
                <a16:creationId xmlns:a16="http://schemas.microsoft.com/office/drawing/2014/main" id="{570C0C40-76FE-48E0-A40C-7FA39A61163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85800" y="1371600"/>
            <a:ext cx="1219200" cy="1219200"/>
          </a:xfrm>
          <a:prstGeom prst="ellipse">
            <a:avLst/>
          </a:pr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9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76275" y="697701"/>
            <a:ext cx="9305926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6FA622AA-407E-4F46-953C-4F5CFFF27758}"/>
              </a:ext>
            </a:extLst>
          </p:cNvPr>
          <p:cNvGrpSpPr/>
          <p:nvPr userDrawn="1"/>
        </p:nvGrpSpPr>
        <p:grpSpPr>
          <a:xfrm>
            <a:off x="9625052" y="5902835"/>
            <a:ext cx="264795" cy="264795"/>
            <a:chOff x="12833403" y="7870446"/>
            <a:chExt cx="353060" cy="353060"/>
          </a:xfrm>
        </p:grpSpPr>
        <p:sp>
          <p:nvSpPr>
            <p:cNvPr id="15" name="object 14">
              <a:extLst>
                <a:ext uri="{FF2B5EF4-FFF2-40B4-BE49-F238E27FC236}">
                  <a16:creationId xmlns:a16="http://schemas.microsoft.com/office/drawing/2014/main" id="{FE6F9D51-5130-443F-B1D6-66A7423C656F}"/>
                </a:ext>
              </a:extLst>
            </p:cNvPr>
            <p:cNvSpPr/>
            <p:nvPr/>
          </p:nvSpPr>
          <p:spPr>
            <a:xfrm>
              <a:off x="12833403" y="7870446"/>
              <a:ext cx="353060" cy="353060"/>
            </a:xfrm>
            <a:custGeom>
              <a:avLst/>
              <a:gdLst/>
              <a:ahLst/>
              <a:cxnLst/>
              <a:rect l="l" t="t" r="r" b="b"/>
              <a:pathLst>
                <a:path w="353059" h="353059">
                  <a:moveTo>
                    <a:pt x="0" y="0"/>
                  </a:moveTo>
                  <a:lnTo>
                    <a:pt x="352793" y="0"/>
                  </a:lnTo>
                  <a:lnTo>
                    <a:pt x="352793" y="352793"/>
                  </a:lnTo>
                  <a:lnTo>
                    <a:pt x="0" y="352793"/>
                  </a:lnTo>
                  <a:lnTo>
                    <a:pt x="0" y="0"/>
                  </a:lnTo>
                  <a:close/>
                </a:path>
              </a:pathLst>
            </a:custGeom>
            <a:ln w="1270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 sz="1350"/>
            </a:p>
          </p:txBody>
        </p:sp>
        <p:sp>
          <p:nvSpPr>
            <p:cNvPr id="16" name="object 15">
              <a:extLst>
                <a:ext uri="{FF2B5EF4-FFF2-40B4-BE49-F238E27FC236}">
                  <a16:creationId xmlns:a16="http://schemas.microsoft.com/office/drawing/2014/main" id="{9D8A372B-5C39-4A64-9C1B-63367CD65657}"/>
                </a:ext>
              </a:extLst>
            </p:cNvPr>
            <p:cNvSpPr/>
            <p:nvPr/>
          </p:nvSpPr>
          <p:spPr>
            <a:xfrm>
              <a:off x="12956971" y="7938711"/>
              <a:ext cx="105664" cy="216268"/>
            </a:xfrm>
            <a:prstGeom prst="rect">
              <a:avLst/>
            </a:prstGeom>
            <a:blipFill>
              <a:blip r:embed="rId4" cstate="print"/>
              <a:stretch>
                <a:fillRect/>
              </a:stretch>
            </a:blipFill>
          </p:spPr>
          <p:txBody>
            <a:bodyPr wrap="square" lIns="0" tIns="0" rIns="0" bIns="0" rtlCol="0"/>
            <a:lstStyle/>
            <a:p>
              <a:endParaRPr sz="1350"/>
            </a:p>
          </p:txBody>
        </p:sp>
      </p:grpSp>
      <p:grpSp>
        <p:nvGrpSpPr>
          <p:cNvPr id="6" name="Group 5">
            <a:extLst>
              <a:ext uri="{FF2B5EF4-FFF2-40B4-BE49-F238E27FC236}">
                <a16:creationId xmlns:a16="http://schemas.microsoft.com/office/drawing/2014/main" id="{5B1B7B49-0DA0-45B6-8E19-E1D65283D0ED}"/>
              </a:ext>
            </a:extLst>
          </p:cNvPr>
          <p:cNvGrpSpPr/>
          <p:nvPr userDrawn="1"/>
        </p:nvGrpSpPr>
        <p:grpSpPr>
          <a:xfrm>
            <a:off x="10027998" y="5902835"/>
            <a:ext cx="264795" cy="264795"/>
            <a:chOff x="13370664" y="7870446"/>
            <a:chExt cx="353060" cy="353060"/>
          </a:xfrm>
        </p:grpSpPr>
        <p:sp>
          <p:nvSpPr>
            <p:cNvPr id="18" name="object 16">
              <a:extLst>
                <a:ext uri="{FF2B5EF4-FFF2-40B4-BE49-F238E27FC236}">
                  <a16:creationId xmlns:a16="http://schemas.microsoft.com/office/drawing/2014/main" id="{656B5F96-588D-4950-953A-24C2FAA305BA}"/>
                </a:ext>
              </a:extLst>
            </p:cNvPr>
            <p:cNvSpPr/>
            <p:nvPr/>
          </p:nvSpPr>
          <p:spPr>
            <a:xfrm>
              <a:off x="13370664" y="7870446"/>
              <a:ext cx="353060" cy="353060"/>
            </a:xfrm>
            <a:custGeom>
              <a:avLst/>
              <a:gdLst/>
              <a:ahLst/>
              <a:cxnLst/>
              <a:rect l="l" t="t" r="r" b="b"/>
              <a:pathLst>
                <a:path w="353059" h="353059">
                  <a:moveTo>
                    <a:pt x="0" y="0"/>
                  </a:moveTo>
                  <a:lnTo>
                    <a:pt x="352793" y="0"/>
                  </a:lnTo>
                  <a:lnTo>
                    <a:pt x="352793" y="352793"/>
                  </a:lnTo>
                  <a:lnTo>
                    <a:pt x="0" y="352793"/>
                  </a:lnTo>
                  <a:lnTo>
                    <a:pt x="0" y="0"/>
                  </a:lnTo>
                  <a:close/>
                </a:path>
              </a:pathLst>
            </a:custGeom>
            <a:ln w="1270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 sz="1350"/>
            </a:p>
          </p:txBody>
        </p:sp>
        <p:sp>
          <p:nvSpPr>
            <p:cNvPr id="19" name="object 17">
              <a:extLst>
                <a:ext uri="{FF2B5EF4-FFF2-40B4-BE49-F238E27FC236}">
                  <a16:creationId xmlns:a16="http://schemas.microsoft.com/office/drawing/2014/main" id="{11BF1B32-D111-4881-9DFF-43E6C6F520A6}"/>
                </a:ext>
              </a:extLst>
            </p:cNvPr>
            <p:cNvSpPr/>
            <p:nvPr/>
          </p:nvSpPr>
          <p:spPr>
            <a:xfrm>
              <a:off x="13442765" y="7962081"/>
              <a:ext cx="208597" cy="169532"/>
            </a:xfrm>
            <a:prstGeom prst="rect">
              <a:avLst/>
            </a:prstGeom>
            <a:blipFill>
              <a:blip r:embed="rId5" cstate="print"/>
              <a:stretch>
                <a:fillRect/>
              </a:stretch>
            </a:blipFill>
          </p:spPr>
          <p:txBody>
            <a:bodyPr wrap="square" lIns="0" tIns="0" rIns="0" bIns="0" rtlCol="0"/>
            <a:lstStyle/>
            <a:p>
              <a:endParaRPr sz="1350"/>
            </a:p>
          </p:txBody>
        </p:sp>
      </p:grpSp>
      <p:grpSp>
        <p:nvGrpSpPr>
          <p:cNvPr id="28" name="Group 27">
            <a:extLst>
              <a:ext uri="{FF2B5EF4-FFF2-40B4-BE49-F238E27FC236}">
                <a16:creationId xmlns:a16="http://schemas.microsoft.com/office/drawing/2014/main" id="{56C6C106-DE9F-424D-9B9A-C24F893C9D73}"/>
              </a:ext>
            </a:extLst>
          </p:cNvPr>
          <p:cNvGrpSpPr/>
          <p:nvPr userDrawn="1"/>
        </p:nvGrpSpPr>
        <p:grpSpPr>
          <a:xfrm>
            <a:off x="11236839" y="5902835"/>
            <a:ext cx="264795" cy="264795"/>
            <a:chOff x="14982452" y="7870446"/>
            <a:chExt cx="353060" cy="353060"/>
          </a:xfrm>
        </p:grpSpPr>
        <p:sp>
          <p:nvSpPr>
            <p:cNvPr id="20" name="object 18">
              <a:extLst>
                <a:ext uri="{FF2B5EF4-FFF2-40B4-BE49-F238E27FC236}">
                  <a16:creationId xmlns:a16="http://schemas.microsoft.com/office/drawing/2014/main" id="{48B0EE01-8313-438B-85E4-919E3227E5BE}"/>
                </a:ext>
              </a:extLst>
            </p:cNvPr>
            <p:cNvSpPr/>
            <p:nvPr/>
          </p:nvSpPr>
          <p:spPr>
            <a:xfrm>
              <a:off x="14982452" y="7870446"/>
              <a:ext cx="353060" cy="353060"/>
            </a:xfrm>
            <a:custGeom>
              <a:avLst/>
              <a:gdLst/>
              <a:ahLst/>
              <a:cxnLst/>
              <a:rect l="l" t="t" r="r" b="b"/>
              <a:pathLst>
                <a:path w="353059" h="353059">
                  <a:moveTo>
                    <a:pt x="0" y="0"/>
                  </a:moveTo>
                  <a:lnTo>
                    <a:pt x="352793" y="0"/>
                  </a:lnTo>
                  <a:lnTo>
                    <a:pt x="352793" y="352793"/>
                  </a:lnTo>
                  <a:lnTo>
                    <a:pt x="0" y="352793"/>
                  </a:lnTo>
                  <a:lnTo>
                    <a:pt x="0" y="0"/>
                  </a:lnTo>
                  <a:close/>
                </a:path>
              </a:pathLst>
            </a:custGeom>
            <a:ln w="1270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 sz="1350"/>
            </a:p>
          </p:txBody>
        </p:sp>
        <p:sp>
          <p:nvSpPr>
            <p:cNvPr id="21" name="object 19">
              <a:extLst>
                <a:ext uri="{FF2B5EF4-FFF2-40B4-BE49-F238E27FC236}">
                  <a16:creationId xmlns:a16="http://schemas.microsoft.com/office/drawing/2014/main" id="{4656ECC0-6C42-4410-9C22-44D7020441F1}"/>
                </a:ext>
              </a:extLst>
            </p:cNvPr>
            <p:cNvSpPr/>
            <p:nvPr/>
          </p:nvSpPr>
          <p:spPr>
            <a:xfrm>
              <a:off x="15049749" y="7937746"/>
              <a:ext cx="218198" cy="218198"/>
            </a:xfrm>
            <a:prstGeom prst="rect">
              <a:avLst/>
            </a:prstGeom>
            <a:blipFill>
              <a:blip r:embed="rId6" cstate="print"/>
              <a:stretch>
                <a:fillRect/>
              </a:stretch>
            </a:blipFill>
          </p:spPr>
          <p:txBody>
            <a:bodyPr wrap="square" lIns="0" tIns="0" rIns="0" bIns="0" rtlCol="0"/>
            <a:lstStyle/>
            <a:p>
              <a:endParaRPr sz="1350"/>
            </a:p>
          </p:txBody>
        </p:sp>
      </p:grpSp>
      <p:grpSp>
        <p:nvGrpSpPr>
          <p:cNvPr id="27" name="Group 26">
            <a:extLst>
              <a:ext uri="{FF2B5EF4-FFF2-40B4-BE49-F238E27FC236}">
                <a16:creationId xmlns:a16="http://schemas.microsoft.com/office/drawing/2014/main" id="{3C6C8FFF-8FEA-4190-BEF9-18887051D0DD}"/>
              </a:ext>
            </a:extLst>
          </p:cNvPr>
          <p:cNvGrpSpPr/>
          <p:nvPr userDrawn="1"/>
        </p:nvGrpSpPr>
        <p:grpSpPr>
          <a:xfrm>
            <a:off x="10833893" y="5902835"/>
            <a:ext cx="264795" cy="264795"/>
            <a:chOff x="14445191" y="7870446"/>
            <a:chExt cx="353060" cy="353060"/>
          </a:xfrm>
        </p:grpSpPr>
        <p:sp>
          <p:nvSpPr>
            <p:cNvPr id="23" name="object 20">
              <a:extLst>
                <a:ext uri="{FF2B5EF4-FFF2-40B4-BE49-F238E27FC236}">
                  <a16:creationId xmlns:a16="http://schemas.microsoft.com/office/drawing/2014/main" id="{23414877-28FB-4DC1-8403-7063952D0A34}"/>
                </a:ext>
              </a:extLst>
            </p:cNvPr>
            <p:cNvSpPr/>
            <p:nvPr/>
          </p:nvSpPr>
          <p:spPr>
            <a:xfrm>
              <a:off x="14445191" y="7870446"/>
              <a:ext cx="353060" cy="353060"/>
            </a:xfrm>
            <a:custGeom>
              <a:avLst/>
              <a:gdLst/>
              <a:ahLst/>
              <a:cxnLst/>
              <a:rect l="l" t="t" r="r" b="b"/>
              <a:pathLst>
                <a:path w="353059" h="353059">
                  <a:moveTo>
                    <a:pt x="0" y="0"/>
                  </a:moveTo>
                  <a:lnTo>
                    <a:pt x="352793" y="0"/>
                  </a:lnTo>
                  <a:lnTo>
                    <a:pt x="352793" y="352793"/>
                  </a:lnTo>
                  <a:lnTo>
                    <a:pt x="0" y="352793"/>
                  </a:lnTo>
                  <a:lnTo>
                    <a:pt x="0" y="0"/>
                  </a:lnTo>
                  <a:close/>
                </a:path>
              </a:pathLst>
            </a:custGeom>
            <a:ln w="1270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 sz="1350"/>
            </a:p>
          </p:txBody>
        </p:sp>
        <p:sp>
          <p:nvSpPr>
            <p:cNvPr id="24" name="object 21">
              <a:extLst>
                <a:ext uri="{FF2B5EF4-FFF2-40B4-BE49-F238E27FC236}">
                  <a16:creationId xmlns:a16="http://schemas.microsoft.com/office/drawing/2014/main" id="{152A3D67-68A0-4395-A725-E4D4B063083F}"/>
                </a:ext>
              </a:extLst>
            </p:cNvPr>
            <p:cNvSpPr/>
            <p:nvPr/>
          </p:nvSpPr>
          <p:spPr>
            <a:xfrm>
              <a:off x="14516264" y="7973118"/>
              <a:ext cx="210654" cy="147447"/>
            </a:xfrm>
            <a:prstGeom prst="rect">
              <a:avLst/>
            </a:prstGeom>
            <a:blipFill>
              <a:blip r:embed="rId7" cstate="print"/>
              <a:stretch>
                <a:fillRect/>
              </a:stretch>
            </a:blipFill>
          </p:spPr>
          <p:txBody>
            <a:bodyPr wrap="square" lIns="0" tIns="0" rIns="0" bIns="0" rtlCol="0"/>
            <a:lstStyle/>
            <a:p>
              <a:endParaRPr sz="1350"/>
            </a:p>
          </p:txBody>
        </p:sp>
      </p:grpSp>
      <p:grpSp>
        <p:nvGrpSpPr>
          <p:cNvPr id="8" name="Group 7">
            <a:extLst>
              <a:ext uri="{FF2B5EF4-FFF2-40B4-BE49-F238E27FC236}">
                <a16:creationId xmlns:a16="http://schemas.microsoft.com/office/drawing/2014/main" id="{59B15965-B2D7-4F16-8E53-EFCD29DF2415}"/>
              </a:ext>
            </a:extLst>
          </p:cNvPr>
          <p:cNvGrpSpPr/>
          <p:nvPr userDrawn="1"/>
        </p:nvGrpSpPr>
        <p:grpSpPr>
          <a:xfrm>
            <a:off x="10430946" y="5902835"/>
            <a:ext cx="264795" cy="264795"/>
            <a:chOff x="13907928" y="7870446"/>
            <a:chExt cx="353060" cy="353060"/>
          </a:xfrm>
        </p:grpSpPr>
        <p:sp>
          <p:nvSpPr>
            <p:cNvPr id="25" name="object 22">
              <a:extLst>
                <a:ext uri="{FF2B5EF4-FFF2-40B4-BE49-F238E27FC236}">
                  <a16:creationId xmlns:a16="http://schemas.microsoft.com/office/drawing/2014/main" id="{55F9FD29-BE99-4B55-9E02-369EDD098BF6}"/>
                </a:ext>
              </a:extLst>
            </p:cNvPr>
            <p:cNvSpPr/>
            <p:nvPr/>
          </p:nvSpPr>
          <p:spPr>
            <a:xfrm>
              <a:off x="13907928" y="7870446"/>
              <a:ext cx="353060" cy="353060"/>
            </a:xfrm>
            <a:custGeom>
              <a:avLst/>
              <a:gdLst/>
              <a:ahLst/>
              <a:cxnLst/>
              <a:rect l="l" t="t" r="r" b="b"/>
              <a:pathLst>
                <a:path w="353059" h="353059">
                  <a:moveTo>
                    <a:pt x="0" y="0"/>
                  </a:moveTo>
                  <a:lnTo>
                    <a:pt x="352793" y="0"/>
                  </a:lnTo>
                  <a:lnTo>
                    <a:pt x="352793" y="352793"/>
                  </a:lnTo>
                  <a:lnTo>
                    <a:pt x="0" y="352793"/>
                  </a:lnTo>
                  <a:lnTo>
                    <a:pt x="0" y="0"/>
                  </a:lnTo>
                  <a:close/>
                </a:path>
              </a:pathLst>
            </a:custGeom>
            <a:ln w="1270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 sz="1350"/>
            </a:p>
          </p:txBody>
        </p:sp>
        <p:sp>
          <p:nvSpPr>
            <p:cNvPr id="26" name="object 23">
              <a:extLst>
                <a:ext uri="{FF2B5EF4-FFF2-40B4-BE49-F238E27FC236}">
                  <a16:creationId xmlns:a16="http://schemas.microsoft.com/office/drawing/2014/main" id="{BD7E5DCE-E3CE-4A81-935E-3853938624C6}"/>
                </a:ext>
              </a:extLst>
            </p:cNvPr>
            <p:cNvSpPr/>
            <p:nvPr/>
          </p:nvSpPr>
          <p:spPr>
            <a:xfrm>
              <a:off x="13990901" y="7954696"/>
              <a:ext cx="186842" cy="184302"/>
            </a:xfrm>
            <a:prstGeom prst="rect">
              <a:avLst/>
            </a:prstGeom>
            <a:blipFill>
              <a:blip r:embed="rId8" cstate="print"/>
              <a:stretch>
                <a:fillRect/>
              </a:stretch>
            </a:blipFill>
          </p:spPr>
          <p:txBody>
            <a:bodyPr wrap="square" lIns="0" tIns="0" rIns="0" bIns="0" rtlCol="0"/>
            <a:lstStyle/>
            <a:p>
              <a:endParaRPr sz="1350"/>
            </a:p>
          </p:txBody>
        </p:sp>
      </p:grpSp>
      <p:sp>
        <p:nvSpPr>
          <p:cNvPr id="30" name="object 8">
            <a:extLst>
              <a:ext uri="{FF2B5EF4-FFF2-40B4-BE49-F238E27FC236}">
                <a16:creationId xmlns:a16="http://schemas.microsoft.com/office/drawing/2014/main" id="{30407C8C-1F92-4D15-91A5-2F39144E61A5}"/>
              </a:ext>
            </a:extLst>
          </p:cNvPr>
          <p:cNvSpPr txBox="1"/>
          <p:nvPr userDrawn="1"/>
        </p:nvSpPr>
        <p:spPr>
          <a:xfrm>
            <a:off x="9625052" y="5487350"/>
            <a:ext cx="1891148" cy="263534"/>
          </a:xfrm>
          <a:prstGeom prst="rect">
            <a:avLst/>
          </a:prstGeom>
        </p:spPr>
        <p:txBody>
          <a:bodyPr vert="horz" wrap="square" lIns="0" tIns="9525" rIns="0" bIns="0" rtlCol="0">
            <a:spAutoFit/>
          </a:bodyPr>
          <a:lstStyle/>
          <a:p>
            <a:pPr marL="9525" algn="r">
              <a:lnSpc>
                <a:spcPct val="100000"/>
              </a:lnSpc>
              <a:spcBef>
                <a:spcPts val="75"/>
              </a:spcBef>
            </a:pPr>
            <a:r>
              <a:rPr sz="1650" b="1" dirty="0">
                <a:solidFill>
                  <a:srgbClr val="EF4641"/>
                </a:solidFill>
                <a:latin typeface="Verdana" panose="020B0604030504040204" pitchFamily="34" charset="0"/>
                <a:cs typeface="Poppins ExtraBold"/>
              </a:rPr>
              <a:t>inetum.world</a:t>
            </a:r>
            <a:endParaRPr sz="1650" dirty="0">
              <a:latin typeface="Verdana" panose="020B0604030504040204" pitchFamily="34" charset="0"/>
              <a:cs typeface="Poppins ExtraBold"/>
            </a:endParaRPr>
          </a:p>
        </p:txBody>
      </p:sp>
      <p:sp>
        <p:nvSpPr>
          <p:cNvPr id="49" name="Text Placeholder 18">
            <a:extLst>
              <a:ext uri="{FF2B5EF4-FFF2-40B4-BE49-F238E27FC236}">
                <a16:creationId xmlns:a16="http://schemas.microsoft.com/office/drawing/2014/main" id="{1F2F5812-A87B-4FF0-8AF0-430D0522C059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38376" y="1614406"/>
            <a:ext cx="3000374" cy="701831"/>
          </a:xfrm>
        </p:spPr>
        <p:txBody>
          <a:bodyPr wrap="square" tIns="75600">
            <a:spAutoFit/>
          </a:bodyPr>
          <a:lstStyle>
            <a:lvl1pPr marL="10800">
              <a:defRPr>
                <a:solidFill>
                  <a:schemeClr val="bg1"/>
                </a:solidFill>
              </a:defRPr>
            </a:lvl1pPr>
            <a:lvl2pPr marL="10800">
              <a:spcBef>
                <a:spcPts val="225"/>
              </a:spcBef>
              <a:defRPr sz="1125">
                <a:solidFill>
                  <a:schemeClr val="accent2"/>
                </a:solidFill>
                <a:latin typeface="+mj-lt"/>
              </a:defRPr>
            </a:lvl2pPr>
            <a:lvl3pPr>
              <a:spcBef>
                <a:spcPts val="344"/>
              </a:spcBef>
              <a:defRPr sz="975">
                <a:solidFill>
                  <a:schemeClr val="accent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irst name Last name</a:t>
            </a:r>
          </a:p>
          <a:p>
            <a:pPr lvl="1"/>
            <a:r>
              <a:rPr lang="en-US" dirty="0" err="1"/>
              <a:t>email@inetum.world</a:t>
            </a:r>
            <a:endParaRPr lang="en-US" dirty="0"/>
          </a:p>
          <a:p>
            <a:pPr lvl="2"/>
            <a:r>
              <a:rPr lang="en-US" dirty="0"/>
              <a:t>Social network</a:t>
            </a:r>
          </a:p>
        </p:txBody>
      </p:sp>
      <p:sp>
        <p:nvSpPr>
          <p:cNvPr id="58" name="Picture Placeholder 57">
            <a:extLst>
              <a:ext uri="{FF2B5EF4-FFF2-40B4-BE49-F238E27FC236}">
                <a16:creationId xmlns:a16="http://schemas.microsoft.com/office/drawing/2014/main" id="{565143D5-803B-4BBC-9EEC-05BD666ADE7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438900" y="3086100"/>
            <a:ext cx="1219200" cy="1219200"/>
          </a:xfrm>
          <a:prstGeom prst="ellipse">
            <a:avLst/>
          </a:pr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9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59" name="Text Placeholder 18">
            <a:extLst>
              <a:ext uri="{FF2B5EF4-FFF2-40B4-BE49-F238E27FC236}">
                <a16:creationId xmlns:a16="http://schemas.microsoft.com/office/drawing/2014/main" id="{15EB7A04-D68C-41D0-B905-5073B5F80E4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991476" y="3328906"/>
            <a:ext cx="3000374" cy="701831"/>
          </a:xfrm>
        </p:spPr>
        <p:txBody>
          <a:bodyPr wrap="square" tIns="75600">
            <a:spAutoFit/>
          </a:bodyPr>
          <a:lstStyle>
            <a:lvl1pPr marL="10800">
              <a:defRPr>
                <a:solidFill>
                  <a:schemeClr val="bg1"/>
                </a:solidFill>
              </a:defRPr>
            </a:lvl1pPr>
            <a:lvl2pPr marL="10800">
              <a:spcBef>
                <a:spcPts val="225"/>
              </a:spcBef>
              <a:defRPr sz="1125">
                <a:solidFill>
                  <a:schemeClr val="accent2"/>
                </a:solidFill>
                <a:latin typeface="+mj-lt"/>
              </a:defRPr>
            </a:lvl2pPr>
            <a:lvl3pPr>
              <a:spcBef>
                <a:spcPts val="344"/>
              </a:spcBef>
              <a:defRPr sz="975">
                <a:solidFill>
                  <a:schemeClr val="accent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irst name Last name</a:t>
            </a:r>
          </a:p>
          <a:p>
            <a:pPr lvl="1"/>
            <a:r>
              <a:rPr lang="en-US" dirty="0" err="1"/>
              <a:t>email@inetum.world</a:t>
            </a:r>
            <a:endParaRPr lang="en-US" dirty="0"/>
          </a:p>
          <a:p>
            <a:pPr lvl="2"/>
            <a:r>
              <a:rPr lang="en-US" dirty="0"/>
              <a:t>Social network</a:t>
            </a:r>
          </a:p>
        </p:txBody>
      </p:sp>
      <p:sp>
        <p:nvSpPr>
          <p:cNvPr id="60" name="Picture Placeholder 59">
            <a:extLst>
              <a:ext uri="{FF2B5EF4-FFF2-40B4-BE49-F238E27FC236}">
                <a16:creationId xmlns:a16="http://schemas.microsoft.com/office/drawing/2014/main" id="{E0B973B9-F199-4B5E-803F-4410743BD728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6438900" y="1371600"/>
            <a:ext cx="1219200" cy="1219200"/>
          </a:xfrm>
          <a:prstGeom prst="ellipse">
            <a:avLst/>
          </a:pr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9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61" name="Text Placeholder 18">
            <a:extLst>
              <a:ext uri="{FF2B5EF4-FFF2-40B4-BE49-F238E27FC236}">
                <a16:creationId xmlns:a16="http://schemas.microsoft.com/office/drawing/2014/main" id="{A2767ABD-17B9-4375-BB06-FA22C3DCE96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991476" y="1614406"/>
            <a:ext cx="3000374" cy="701831"/>
          </a:xfrm>
        </p:spPr>
        <p:txBody>
          <a:bodyPr wrap="square" tIns="75600">
            <a:spAutoFit/>
          </a:bodyPr>
          <a:lstStyle>
            <a:lvl1pPr marL="10800">
              <a:defRPr>
                <a:solidFill>
                  <a:schemeClr val="bg1"/>
                </a:solidFill>
              </a:defRPr>
            </a:lvl1pPr>
            <a:lvl2pPr marL="10800">
              <a:spcBef>
                <a:spcPts val="225"/>
              </a:spcBef>
              <a:defRPr sz="1125">
                <a:solidFill>
                  <a:schemeClr val="accent2"/>
                </a:solidFill>
                <a:latin typeface="+mj-lt"/>
              </a:defRPr>
            </a:lvl2pPr>
            <a:lvl3pPr>
              <a:spcBef>
                <a:spcPts val="344"/>
              </a:spcBef>
              <a:defRPr sz="975">
                <a:solidFill>
                  <a:schemeClr val="accent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irst name Last name</a:t>
            </a:r>
          </a:p>
          <a:p>
            <a:pPr lvl="1"/>
            <a:r>
              <a:rPr lang="en-US" dirty="0" err="1"/>
              <a:t>email@inetum.world</a:t>
            </a:r>
            <a:endParaRPr lang="en-US" dirty="0"/>
          </a:p>
          <a:p>
            <a:pPr lvl="2"/>
            <a:r>
              <a:rPr lang="en-US" dirty="0"/>
              <a:t>Social network</a:t>
            </a:r>
          </a:p>
        </p:txBody>
      </p:sp>
      <p:pic>
        <p:nvPicPr>
          <p:cNvPr id="34" name="Picture 33">
            <a:extLst>
              <a:ext uri="{FF2B5EF4-FFF2-40B4-BE49-F238E27FC236}">
                <a16:creationId xmlns:a16="http://schemas.microsoft.com/office/drawing/2014/main" id="{A4CF3A78-D31C-4DD3-ACD5-745E15768EC6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0029825" y="350901"/>
            <a:ext cx="1600200" cy="6507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8255505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Verbatim generic">
    <p:bg>
      <p:bgPr>
        <a:blipFill dpi="0" rotWithShape="1">
          <a:blip r:embed="rId2" cstate="email">
            <a:lum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Graphique 5">
            <a:extLst>
              <a:ext uri="{FF2B5EF4-FFF2-40B4-BE49-F238E27FC236}">
                <a16:creationId xmlns:a16="http://schemas.microsoft.com/office/drawing/2014/main" id="{C17F2625-C213-4203-F7DD-D1B54387CBA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421893"/>
            <a:ext cx="12192000" cy="6436107"/>
          </a:xfrm>
          <a:prstGeom prst="rect">
            <a:avLst/>
          </a:prstGeom>
        </p:spPr>
      </p:pic>
      <p:sp>
        <p:nvSpPr>
          <p:cNvPr id="9" name="Espace réservé du numéro de diapositive 8">
            <a:extLst>
              <a:ext uri="{FF2B5EF4-FFF2-40B4-BE49-F238E27FC236}">
                <a16:creationId xmlns:a16="http://schemas.microsoft.com/office/drawing/2014/main" id="{1FED8689-B31D-A372-899F-B5AE850CC5E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pic>
        <p:nvPicPr>
          <p:cNvPr id="10" name="Graphique 9">
            <a:extLst>
              <a:ext uri="{FF2B5EF4-FFF2-40B4-BE49-F238E27FC236}">
                <a16:creationId xmlns:a16="http://schemas.microsoft.com/office/drawing/2014/main" id="{8F80D7E5-624F-023C-BDFD-8DCEE6614FF2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95364" y="6643893"/>
            <a:ext cx="567295" cy="85525"/>
          </a:xfrm>
          <a:prstGeom prst="rect">
            <a:avLst/>
          </a:prstGeom>
        </p:spPr>
      </p:pic>
      <p:sp>
        <p:nvSpPr>
          <p:cNvPr id="8" name="Titre 7">
            <a:extLst>
              <a:ext uri="{FF2B5EF4-FFF2-40B4-BE49-F238E27FC236}">
                <a16:creationId xmlns:a16="http://schemas.microsoft.com/office/drawing/2014/main" id="{5F6E359C-4298-321E-26A2-8336B5C7185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92023" y="2838571"/>
            <a:ext cx="8271877" cy="996427"/>
          </a:xfrm>
        </p:spPr>
        <p:txBody>
          <a:bodyPr anchor="ctr"/>
          <a:lstStyle>
            <a:lvl1pPr>
              <a:lnSpc>
                <a:spcPct val="84000"/>
              </a:lnSpc>
              <a:defRPr sz="7500">
                <a:solidFill>
                  <a:schemeClr val="bg1"/>
                </a:solidFill>
                <a:latin typeface="Poppins ExtraBold" panose="00000900000000000000" pitchFamily="2" charset="0"/>
                <a:cs typeface="Poppins ExtraBold" panose="00000900000000000000" pitchFamily="2" charset="0"/>
              </a:defRPr>
            </a:lvl1pPr>
          </a:lstStyle>
          <a:p>
            <a:r>
              <a:rPr lang="fr-FR"/>
              <a:t>Verbatim</a:t>
            </a:r>
          </a:p>
        </p:txBody>
      </p:sp>
      <p:sp>
        <p:nvSpPr>
          <p:cNvPr id="2" name="Espace réservé du pied de page 1">
            <a:extLst>
              <a:ext uri="{FF2B5EF4-FFF2-40B4-BE49-F238E27FC236}">
                <a16:creationId xmlns:a16="http://schemas.microsoft.com/office/drawing/2014/main" id="{7230F12A-5F81-8A48-E45A-B0808C4DADD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682749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4" name="Graphique 23">
            <a:extLst>
              <a:ext uri="{FF2B5EF4-FFF2-40B4-BE49-F238E27FC236}">
                <a16:creationId xmlns:a16="http://schemas.microsoft.com/office/drawing/2014/main" id="{97BFD222-124C-FAB7-2BC7-B8D841443986}"/>
              </a:ext>
            </a:extLst>
          </p:cNvPr>
          <p:cNvGrpSpPr/>
          <p:nvPr/>
        </p:nvGrpSpPr>
        <p:grpSpPr>
          <a:xfrm>
            <a:off x="47663" y="449157"/>
            <a:ext cx="12141410" cy="6408836"/>
            <a:chOff x="47663" y="449157"/>
            <a:chExt cx="12141410" cy="6408836"/>
          </a:xfrm>
        </p:grpSpPr>
        <p:sp>
          <p:nvSpPr>
            <p:cNvPr id="15" name="Forme libre : forme 14">
              <a:extLst>
                <a:ext uri="{FF2B5EF4-FFF2-40B4-BE49-F238E27FC236}">
                  <a16:creationId xmlns:a16="http://schemas.microsoft.com/office/drawing/2014/main" id="{604BD02D-1C60-0142-28DB-08E67432739C}"/>
                </a:ext>
              </a:extLst>
            </p:cNvPr>
            <p:cNvSpPr/>
            <p:nvPr/>
          </p:nvSpPr>
          <p:spPr>
            <a:xfrm rot="10800000" flipV="1">
              <a:off x="47663" y="4714760"/>
              <a:ext cx="423627" cy="423407"/>
            </a:xfrm>
            <a:custGeom>
              <a:avLst/>
              <a:gdLst>
                <a:gd name="connsiteX0" fmla="*/ 49 w 423627"/>
                <a:gd name="connsiteY0" fmla="*/ 1111 h 423407"/>
                <a:gd name="connsiteX1" fmla="*/ 423676 w 423627"/>
                <a:gd name="connsiteY1" fmla="*/ 1111 h 423407"/>
                <a:gd name="connsiteX2" fmla="*/ 423676 w 423627"/>
                <a:gd name="connsiteY2" fmla="*/ 424518 h 423407"/>
                <a:gd name="connsiteX3" fmla="*/ 49 w 423627"/>
                <a:gd name="connsiteY3" fmla="*/ 424518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49" y="1111"/>
                  </a:moveTo>
                  <a:lnTo>
                    <a:pt x="423676" y="1111"/>
                  </a:lnTo>
                  <a:lnTo>
                    <a:pt x="423676" y="424518"/>
                  </a:lnTo>
                  <a:lnTo>
                    <a:pt x="49" y="424518"/>
                  </a:lnTo>
                  <a:close/>
                </a:path>
              </a:pathLst>
            </a:custGeom>
            <a:noFill/>
            <a:ln w="9486" cap="flat">
              <a:solidFill>
                <a:srgbClr val="FFFFF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16" name="Forme libre : forme 15">
              <a:extLst>
                <a:ext uri="{FF2B5EF4-FFF2-40B4-BE49-F238E27FC236}">
                  <a16:creationId xmlns:a16="http://schemas.microsoft.com/office/drawing/2014/main" id="{42539AE5-952E-3DF6-55B2-7A361E7F325E}"/>
                </a:ext>
              </a:extLst>
            </p:cNvPr>
            <p:cNvSpPr/>
            <p:nvPr/>
          </p:nvSpPr>
          <p:spPr>
            <a:xfrm rot="10800000" flipV="1">
              <a:off x="901299" y="3804755"/>
              <a:ext cx="423627" cy="423407"/>
            </a:xfrm>
            <a:custGeom>
              <a:avLst/>
              <a:gdLst>
                <a:gd name="connsiteX0" fmla="*/ 184 w 423627"/>
                <a:gd name="connsiteY0" fmla="*/ 679 h 423407"/>
                <a:gd name="connsiteX1" fmla="*/ 423811 w 423627"/>
                <a:gd name="connsiteY1" fmla="*/ 679 h 423407"/>
                <a:gd name="connsiteX2" fmla="*/ 423811 w 423627"/>
                <a:gd name="connsiteY2" fmla="*/ 424086 h 423407"/>
                <a:gd name="connsiteX3" fmla="*/ 184 w 423627"/>
                <a:gd name="connsiteY3" fmla="*/ 424086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84" y="679"/>
                  </a:moveTo>
                  <a:lnTo>
                    <a:pt x="423811" y="679"/>
                  </a:lnTo>
                  <a:lnTo>
                    <a:pt x="423811" y="424086"/>
                  </a:lnTo>
                  <a:lnTo>
                    <a:pt x="184" y="424086"/>
                  </a:lnTo>
                  <a:close/>
                </a:path>
              </a:pathLst>
            </a:custGeom>
            <a:solidFill>
              <a:srgbClr val="C4F6EF"/>
            </a:solidFill>
            <a:ln w="632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17" name="Forme libre : forme 16">
              <a:extLst>
                <a:ext uri="{FF2B5EF4-FFF2-40B4-BE49-F238E27FC236}">
                  <a16:creationId xmlns:a16="http://schemas.microsoft.com/office/drawing/2014/main" id="{800B791B-F537-CB65-F388-7BF50DC124BF}"/>
                </a:ext>
              </a:extLst>
            </p:cNvPr>
            <p:cNvSpPr/>
            <p:nvPr/>
          </p:nvSpPr>
          <p:spPr>
            <a:xfrm rot="10800000" flipV="1">
              <a:off x="10492748" y="449157"/>
              <a:ext cx="423627" cy="423407"/>
            </a:xfrm>
            <a:custGeom>
              <a:avLst/>
              <a:gdLst>
                <a:gd name="connsiteX0" fmla="*/ 1700 w 423627"/>
                <a:gd name="connsiteY0" fmla="*/ -913 h 423407"/>
                <a:gd name="connsiteX1" fmla="*/ 425328 w 423627"/>
                <a:gd name="connsiteY1" fmla="*/ -913 h 423407"/>
                <a:gd name="connsiteX2" fmla="*/ 425328 w 423627"/>
                <a:gd name="connsiteY2" fmla="*/ 422494 h 423407"/>
                <a:gd name="connsiteX3" fmla="*/ 1700 w 423627"/>
                <a:gd name="connsiteY3" fmla="*/ 422494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700" y="-913"/>
                  </a:moveTo>
                  <a:lnTo>
                    <a:pt x="425328" y="-913"/>
                  </a:lnTo>
                  <a:lnTo>
                    <a:pt x="425328" y="422494"/>
                  </a:lnTo>
                  <a:lnTo>
                    <a:pt x="1700" y="422494"/>
                  </a:lnTo>
                  <a:close/>
                </a:path>
              </a:pathLst>
            </a:custGeom>
            <a:solidFill>
              <a:srgbClr val="C4F6EF"/>
            </a:solidFill>
            <a:ln w="632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19" name="Forme libre : forme 18">
              <a:extLst>
                <a:ext uri="{FF2B5EF4-FFF2-40B4-BE49-F238E27FC236}">
                  <a16:creationId xmlns:a16="http://schemas.microsoft.com/office/drawing/2014/main" id="{90B25987-3B64-3D76-39D7-D65250F9ECAF}"/>
                </a:ext>
              </a:extLst>
            </p:cNvPr>
            <p:cNvSpPr/>
            <p:nvPr/>
          </p:nvSpPr>
          <p:spPr>
            <a:xfrm rot="10800000" flipV="1">
              <a:off x="11342141" y="5580617"/>
              <a:ext cx="423627" cy="423407"/>
            </a:xfrm>
            <a:custGeom>
              <a:avLst/>
              <a:gdLst>
                <a:gd name="connsiteX0" fmla="*/ 1834 w 423627"/>
                <a:gd name="connsiteY0" fmla="*/ 1522 h 423407"/>
                <a:gd name="connsiteX1" fmla="*/ 425462 w 423627"/>
                <a:gd name="connsiteY1" fmla="*/ 1522 h 423407"/>
                <a:gd name="connsiteX2" fmla="*/ 425462 w 423627"/>
                <a:gd name="connsiteY2" fmla="*/ 424929 h 423407"/>
                <a:gd name="connsiteX3" fmla="*/ 1834 w 423627"/>
                <a:gd name="connsiteY3" fmla="*/ 424929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834" y="1522"/>
                  </a:moveTo>
                  <a:lnTo>
                    <a:pt x="425462" y="1522"/>
                  </a:lnTo>
                  <a:lnTo>
                    <a:pt x="425462" y="424929"/>
                  </a:lnTo>
                  <a:lnTo>
                    <a:pt x="1834" y="424929"/>
                  </a:lnTo>
                  <a:close/>
                </a:path>
              </a:pathLst>
            </a:custGeom>
            <a:noFill/>
            <a:ln w="9486" cap="flat">
              <a:solidFill>
                <a:srgbClr val="FFFFF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20" name="Forme libre : forme 19">
              <a:extLst>
                <a:ext uri="{FF2B5EF4-FFF2-40B4-BE49-F238E27FC236}">
                  <a16:creationId xmlns:a16="http://schemas.microsoft.com/office/drawing/2014/main" id="{93D88D03-9F74-E12C-74E6-6725BA21C87C}"/>
                </a:ext>
              </a:extLst>
            </p:cNvPr>
            <p:cNvSpPr/>
            <p:nvPr/>
          </p:nvSpPr>
          <p:spPr>
            <a:xfrm rot="10800000" flipV="1">
              <a:off x="11765446" y="6434586"/>
              <a:ext cx="423627" cy="423407"/>
            </a:xfrm>
            <a:custGeom>
              <a:avLst/>
              <a:gdLst>
                <a:gd name="connsiteX0" fmla="*/ 1902 w 423627"/>
                <a:gd name="connsiteY0" fmla="*/ 1928 h 423407"/>
                <a:gd name="connsiteX1" fmla="*/ 425529 w 423627"/>
                <a:gd name="connsiteY1" fmla="*/ 1928 h 423407"/>
                <a:gd name="connsiteX2" fmla="*/ 425529 w 423627"/>
                <a:gd name="connsiteY2" fmla="*/ 425335 h 423407"/>
                <a:gd name="connsiteX3" fmla="*/ 1902 w 423627"/>
                <a:gd name="connsiteY3" fmla="*/ 425335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902" y="1928"/>
                  </a:moveTo>
                  <a:lnTo>
                    <a:pt x="425529" y="1928"/>
                  </a:lnTo>
                  <a:lnTo>
                    <a:pt x="425529" y="425335"/>
                  </a:lnTo>
                  <a:lnTo>
                    <a:pt x="1902" y="425335"/>
                  </a:lnTo>
                  <a:close/>
                </a:path>
              </a:pathLst>
            </a:custGeom>
            <a:solidFill>
              <a:srgbClr val="C4F6EF"/>
            </a:solidFill>
            <a:ln w="632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21" name="Forme libre : forme 20">
              <a:extLst>
                <a:ext uri="{FF2B5EF4-FFF2-40B4-BE49-F238E27FC236}">
                  <a16:creationId xmlns:a16="http://schemas.microsoft.com/office/drawing/2014/main" id="{534DD545-6CB0-5142-F692-CE4A45ECC255}"/>
                </a:ext>
              </a:extLst>
            </p:cNvPr>
            <p:cNvSpPr/>
            <p:nvPr/>
          </p:nvSpPr>
          <p:spPr>
            <a:xfrm rot="10800000" flipV="1">
              <a:off x="11765446" y="5154701"/>
              <a:ext cx="423627" cy="423407"/>
            </a:xfrm>
            <a:custGeom>
              <a:avLst/>
              <a:gdLst>
                <a:gd name="connsiteX0" fmla="*/ 1902 w 423627"/>
                <a:gd name="connsiteY0" fmla="*/ 1320 h 423407"/>
                <a:gd name="connsiteX1" fmla="*/ 425529 w 423627"/>
                <a:gd name="connsiteY1" fmla="*/ 1320 h 423407"/>
                <a:gd name="connsiteX2" fmla="*/ 425529 w 423627"/>
                <a:gd name="connsiteY2" fmla="*/ 424727 h 423407"/>
                <a:gd name="connsiteX3" fmla="*/ 1902 w 423627"/>
                <a:gd name="connsiteY3" fmla="*/ 424727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902" y="1320"/>
                  </a:moveTo>
                  <a:lnTo>
                    <a:pt x="425529" y="1320"/>
                  </a:lnTo>
                  <a:lnTo>
                    <a:pt x="425529" y="424727"/>
                  </a:lnTo>
                  <a:lnTo>
                    <a:pt x="1902" y="424727"/>
                  </a:lnTo>
                  <a:close/>
                </a:path>
              </a:pathLst>
            </a:custGeom>
            <a:solidFill>
              <a:srgbClr val="C4F6EF"/>
            </a:solidFill>
            <a:ln w="632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26" name="Forme libre : forme 25">
              <a:extLst>
                <a:ext uri="{FF2B5EF4-FFF2-40B4-BE49-F238E27FC236}">
                  <a16:creationId xmlns:a16="http://schemas.microsoft.com/office/drawing/2014/main" id="{8001BD5B-2B9C-DE02-B49A-2F3B948A0A6B}"/>
                </a:ext>
              </a:extLst>
            </p:cNvPr>
            <p:cNvSpPr/>
            <p:nvPr userDrawn="1"/>
          </p:nvSpPr>
          <p:spPr>
            <a:xfrm rot="10800000" flipV="1">
              <a:off x="9644560" y="2151445"/>
              <a:ext cx="423627" cy="423407"/>
            </a:xfrm>
            <a:custGeom>
              <a:avLst/>
              <a:gdLst>
                <a:gd name="connsiteX0" fmla="*/ 1499 w 423627"/>
                <a:gd name="connsiteY0" fmla="*/ 301 h 423407"/>
                <a:gd name="connsiteX1" fmla="*/ 425127 w 423627"/>
                <a:gd name="connsiteY1" fmla="*/ 301 h 423407"/>
                <a:gd name="connsiteX2" fmla="*/ 425127 w 423627"/>
                <a:gd name="connsiteY2" fmla="*/ 423709 h 423407"/>
                <a:gd name="connsiteX3" fmla="*/ 1499 w 423627"/>
                <a:gd name="connsiteY3" fmla="*/ 423709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499" y="301"/>
                  </a:moveTo>
                  <a:lnTo>
                    <a:pt x="425127" y="301"/>
                  </a:lnTo>
                  <a:lnTo>
                    <a:pt x="425127" y="423709"/>
                  </a:lnTo>
                  <a:lnTo>
                    <a:pt x="1499" y="423709"/>
                  </a:lnTo>
                  <a:close/>
                </a:path>
              </a:pathLst>
            </a:custGeom>
            <a:noFill/>
            <a:ln w="9486" cap="flat">
              <a:solidFill>
                <a:srgbClr val="FFFFF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</p:grpSp>
      <p:grpSp>
        <p:nvGrpSpPr>
          <p:cNvPr id="8" name="Groupe 7">
            <a:extLst>
              <a:ext uri="{FF2B5EF4-FFF2-40B4-BE49-F238E27FC236}">
                <a16:creationId xmlns:a16="http://schemas.microsoft.com/office/drawing/2014/main" id="{C26C69CD-3A72-B8EC-ECB7-949681791213}"/>
              </a:ext>
            </a:extLst>
          </p:cNvPr>
          <p:cNvGrpSpPr/>
          <p:nvPr userDrawn="1"/>
        </p:nvGrpSpPr>
        <p:grpSpPr>
          <a:xfrm>
            <a:off x="2721269" y="2062842"/>
            <a:ext cx="422797" cy="4801809"/>
            <a:chOff x="5889011" y="3523014"/>
            <a:chExt cx="423365" cy="4810766"/>
          </a:xfrm>
        </p:grpSpPr>
        <p:cxnSp>
          <p:nvCxnSpPr>
            <p:cNvPr id="4" name="Connecteur droit 3">
              <a:extLst>
                <a:ext uri="{FF2B5EF4-FFF2-40B4-BE49-F238E27FC236}">
                  <a16:creationId xmlns:a16="http://schemas.microsoft.com/office/drawing/2014/main" id="{1712B014-7B07-8CA4-8E0B-7479AB9CD66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171255" y="3523014"/>
              <a:ext cx="0" cy="4810766"/>
            </a:xfrm>
            <a:prstGeom prst="line">
              <a:avLst/>
            </a:prstGeom>
            <a:ln w="76200">
              <a:solidFill>
                <a:schemeClr val="bg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" name="Connecteur droit 4">
              <a:extLst>
                <a:ext uri="{FF2B5EF4-FFF2-40B4-BE49-F238E27FC236}">
                  <a16:creationId xmlns:a16="http://schemas.microsoft.com/office/drawing/2014/main" id="{78D55CF3-5B48-A673-6822-C94B2C72221B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030133" y="3899272"/>
              <a:ext cx="0" cy="4427844"/>
            </a:xfrm>
            <a:prstGeom prst="line">
              <a:avLst/>
            </a:prstGeom>
            <a:ln w="76200">
              <a:solidFill>
                <a:schemeClr val="bg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" name="Connecteur droit 5">
              <a:extLst>
                <a:ext uri="{FF2B5EF4-FFF2-40B4-BE49-F238E27FC236}">
                  <a16:creationId xmlns:a16="http://schemas.microsoft.com/office/drawing/2014/main" id="{652758B3-2A55-1A5C-748B-3DAD0B8138C6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312376" y="4187941"/>
              <a:ext cx="0" cy="4143259"/>
            </a:xfrm>
            <a:prstGeom prst="line">
              <a:avLst/>
            </a:prstGeom>
            <a:ln w="76200">
              <a:solidFill>
                <a:schemeClr val="bg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Connecteur droit 6">
              <a:extLst>
                <a:ext uri="{FF2B5EF4-FFF2-40B4-BE49-F238E27FC236}">
                  <a16:creationId xmlns:a16="http://schemas.microsoft.com/office/drawing/2014/main" id="{792FE343-9A13-58AD-738E-ED339A906093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5889011" y="4181521"/>
              <a:ext cx="0" cy="4149679"/>
            </a:xfrm>
            <a:prstGeom prst="line">
              <a:avLst/>
            </a:prstGeom>
            <a:ln w="76200">
              <a:solidFill>
                <a:srgbClr val="58DAC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9" name="Espace réservé du numéro de diapositive 8">
            <a:extLst>
              <a:ext uri="{FF2B5EF4-FFF2-40B4-BE49-F238E27FC236}">
                <a16:creationId xmlns:a16="http://schemas.microsoft.com/office/drawing/2014/main" id="{47EEF448-CF12-526C-700A-E474BF7913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13" name="Espace réservé du pied de page 12">
            <a:extLst>
              <a:ext uri="{FF2B5EF4-FFF2-40B4-BE49-F238E27FC236}">
                <a16:creationId xmlns:a16="http://schemas.microsoft.com/office/drawing/2014/main" id="{2EDAB6E4-6E5D-6ADC-DCF0-45291A4ED33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  <p:sp>
        <p:nvSpPr>
          <p:cNvPr id="24" name="object 13">
            <a:extLst>
              <a:ext uri="{FF2B5EF4-FFF2-40B4-BE49-F238E27FC236}">
                <a16:creationId xmlns:a16="http://schemas.microsoft.com/office/drawing/2014/main" id="{169218D9-6C0E-FEF4-BA7C-020FDFBDB6B4}"/>
              </a:ext>
            </a:extLst>
          </p:cNvPr>
          <p:cNvSpPr txBox="1"/>
          <p:nvPr userDrawn="1"/>
        </p:nvSpPr>
        <p:spPr>
          <a:xfrm>
            <a:off x="9805279" y="5374894"/>
            <a:ext cx="1533525" cy="263534"/>
          </a:xfrm>
          <a:prstGeom prst="rect">
            <a:avLst/>
          </a:prstGeom>
        </p:spPr>
        <p:txBody>
          <a:bodyPr vert="horz" wrap="square" lIns="0" tIns="9525" rIns="0" bIns="0" rtlCol="0">
            <a:spAutoFit/>
          </a:bodyPr>
          <a:lstStyle/>
          <a:p>
            <a:pPr marL="9525" algn="l">
              <a:lnSpc>
                <a:spcPct val="100000"/>
              </a:lnSpc>
              <a:spcBef>
                <a:spcPts val="75"/>
              </a:spcBef>
            </a:pPr>
            <a:r>
              <a:rPr sz="1650" b="1">
                <a:solidFill>
                  <a:srgbClr val="EF4641"/>
                </a:solidFill>
                <a:latin typeface="Verdana" panose="020B0604030504040204" pitchFamily="34" charset="0"/>
                <a:cs typeface="Poppins ExtraBold"/>
              </a:rPr>
              <a:t>inetum.</a:t>
            </a:r>
            <a:r>
              <a:rPr lang="fr-FR" sz="1650" b="1">
                <a:solidFill>
                  <a:srgbClr val="EF4641"/>
                </a:solidFill>
                <a:latin typeface="Verdana" panose="020B0604030504040204" pitchFamily="34" charset="0"/>
                <a:cs typeface="Poppins ExtraBold"/>
              </a:rPr>
              <a:t>com</a:t>
            </a:r>
            <a:endParaRPr sz="1650">
              <a:latin typeface="Verdana" panose="020B0604030504040204" pitchFamily="34" charset="0"/>
              <a:cs typeface="Poppins ExtraBold"/>
            </a:endParaRPr>
          </a:p>
        </p:txBody>
      </p:sp>
      <p:pic>
        <p:nvPicPr>
          <p:cNvPr id="27" name="Graphique 30">
            <a:extLst>
              <a:ext uri="{FF2B5EF4-FFF2-40B4-BE49-F238E27FC236}">
                <a16:creationId xmlns:a16="http://schemas.microsoft.com/office/drawing/2014/main" id="{94BB6EF6-5184-A4C9-9256-A8E34FA0602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20544" y="4001036"/>
            <a:ext cx="2743198" cy="647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319960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" name="Graphique 16">
            <a:extLst>
              <a:ext uri="{FF2B5EF4-FFF2-40B4-BE49-F238E27FC236}">
                <a16:creationId xmlns:a16="http://schemas.microsoft.com/office/drawing/2014/main" id="{C3DF434A-1958-42A9-71F2-8CF4422E52A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580736" y="0"/>
            <a:ext cx="7611264" cy="6858000"/>
          </a:xfrm>
          <a:prstGeom prst="rect">
            <a:avLst/>
          </a:prstGeom>
        </p:spPr>
      </p:pic>
      <p:sp>
        <p:nvSpPr>
          <p:cNvPr id="2" name="Titre 1">
            <a:extLst>
              <a:ext uri="{FF2B5EF4-FFF2-40B4-BE49-F238E27FC236}">
                <a16:creationId xmlns:a16="http://schemas.microsoft.com/office/drawing/2014/main" id="{0D63D579-EA13-2FB6-2E6F-4BFD73BA7B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81330" y="380015"/>
            <a:ext cx="10515600" cy="295658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endParaRPr lang="fr-FR"/>
          </a:p>
        </p:txBody>
      </p:sp>
      <p:sp>
        <p:nvSpPr>
          <p:cNvPr id="10" name="Espace réservé du numéro de diapositive 9">
            <a:extLst>
              <a:ext uri="{FF2B5EF4-FFF2-40B4-BE49-F238E27FC236}">
                <a16:creationId xmlns:a16="http://schemas.microsoft.com/office/drawing/2014/main" id="{AF3208A2-AE73-F805-299D-68050537CD1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11" name="Espace réservé du texte 26">
            <a:extLst>
              <a:ext uri="{FF2B5EF4-FFF2-40B4-BE49-F238E27FC236}">
                <a16:creationId xmlns:a16="http://schemas.microsoft.com/office/drawing/2014/main" id="{BC89086F-3499-4D42-0852-038A0FAE18D7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 rot="-5400000">
            <a:off x="-581184" y="2697907"/>
            <a:ext cx="3374322" cy="1472904"/>
          </a:xfrm>
        </p:spPr>
        <p:txBody>
          <a:bodyPr wrap="none"/>
          <a:lstStyle>
            <a:lvl1pPr>
              <a:defRPr sz="9500" i="0" cap="all" baseline="0">
                <a:solidFill>
                  <a:srgbClr val="C4F6EF"/>
                </a:solidFill>
                <a:latin typeface="Poppins ExtraBold" panose="00000900000000000000" pitchFamily="2" charset="0"/>
                <a:cs typeface="Poppins Medium" panose="00000600000000000000" pitchFamily="2" charset="0"/>
              </a:defRPr>
            </a:lvl1pPr>
            <a:lvl2pPr marL="108000" indent="0">
              <a:buNone/>
              <a:defRPr/>
            </a:lvl2pPr>
          </a:lstStyle>
          <a:p>
            <a:pPr lvl="0"/>
            <a:r>
              <a:rPr lang="fr-FR"/>
              <a:t>Day 1</a:t>
            </a:r>
          </a:p>
        </p:txBody>
      </p:sp>
      <p:sp>
        <p:nvSpPr>
          <p:cNvPr id="12" name="Espace réservé du texte 26">
            <a:extLst>
              <a:ext uri="{FF2B5EF4-FFF2-40B4-BE49-F238E27FC236}">
                <a16:creationId xmlns:a16="http://schemas.microsoft.com/office/drawing/2014/main" id="{75A7BF82-AE66-E793-EA60-EBFBC980F9F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 rot="-5400000">
            <a:off x="3224467" y="2808915"/>
            <a:ext cx="3595536" cy="1472904"/>
          </a:xfrm>
        </p:spPr>
        <p:txBody>
          <a:bodyPr wrap="none"/>
          <a:lstStyle>
            <a:lvl1pPr>
              <a:defRPr sz="9500" i="0" cap="all" baseline="0">
                <a:solidFill>
                  <a:srgbClr val="C4F6EF"/>
                </a:solidFill>
                <a:latin typeface="Poppins ExtraBold" panose="00000900000000000000" pitchFamily="2" charset="0"/>
                <a:cs typeface="Poppins Medium" panose="00000600000000000000" pitchFamily="2" charset="0"/>
              </a:defRPr>
            </a:lvl1pPr>
            <a:lvl2pPr marL="108000" indent="0">
              <a:buNone/>
              <a:defRPr/>
            </a:lvl2pPr>
          </a:lstStyle>
          <a:p>
            <a:pPr lvl="0"/>
            <a:r>
              <a:rPr lang="fr-FR"/>
              <a:t>Day 2</a:t>
            </a:r>
          </a:p>
        </p:txBody>
      </p:sp>
      <p:sp>
        <p:nvSpPr>
          <p:cNvPr id="13" name="Espace réservé du texte 26">
            <a:extLst>
              <a:ext uri="{FF2B5EF4-FFF2-40B4-BE49-F238E27FC236}">
                <a16:creationId xmlns:a16="http://schemas.microsoft.com/office/drawing/2014/main" id="{20347C3E-B0B0-B3F1-80EE-328BC40E560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 rot="-5400000">
            <a:off x="7083800" y="2833761"/>
            <a:ext cx="3646832" cy="1472904"/>
          </a:xfrm>
        </p:spPr>
        <p:txBody>
          <a:bodyPr wrap="none"/>
          <a:lstStyle>
            <a:lvl1pPr>
              <a:defRPr sz="9500" i="0" cap="all" baseline="0">
                <a:solidFill>
                  <a:srgbClr val="C4F6EF"/>
                </a:solidFill>
                <a:latin typeface="Poppins ExtraBold" panose="00000900000000000000" pitchFamily="2" charset="0"/>
                <a:cs typeface="Poppins Medium" panose="00000600000000000000" pitchFamily="2" charset="0"/>
              </a:defRPr>
            </a:lvl1pPr>
            <a:lvl2pPr marL="108000" indent="0">
              <a:buNone/>
              <a:defRPr/>
            </a:lvl2pPr>
          </a:lstStyle>
          <a:p>
            <a:pPr lvl="0"/>
            <a:r>
              <a:rPr lang="fr-FR"/>
              <a:t>Day 3</a:t>
            </a:r>
          </a:p>
        </p:txBody>
      </p:sp>
      <p:sp>
        <p:nvSpPr>
          <p:cNvPr id="19" name="Espace réservé du texte 18">
            <a:extLst>
              <a:ext uri="{FF2B5EF4-FFF2-40B4-BE49-F238E27FC236}">
                <a16:creationId xmlns:a16="http://schemas.microsoft.com/office/drawing/2014/main" id="{84D5778C-F8AE-BD12-4D7F-BD485A5A8B0C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827446" y="1852713"/>
            <a:ext cx="2132707" cy="87396"/>
          </a:xfrm>
        </p:spPr>
        <p:txBody>
          <a:bodyPr/>
          <a:lstStyle>
            <a:lvl1pPr marL="0">
              <a:lnSpc>
                <a:spcPct val="101000"/>
              </a:lnSpc>
              <a:spcAft>
                <a:spcPts val="0"/>
              </a:spcAft>
              <a:defRPr sz="625">
                <a:solidFill>
                  <a:schemeClr val="accent2"/>
                </a:solidFill>
              </a:defRPr>
            </a:lvl1pPr>
            <a:lvl2pPr marL="0" indent="0">
              <a:lnSpc>
                <a:spcPct val="90000"/>
              </a:lnSpc>
              <a:spcBef>
                <a:spcPts val="150"/>
              </a:spcBef>
              <a:spcAft>
                <a:spcPts val="0"/>
              </a:spcAft>
              <a:buNone/>
              <a:defRPr sz="1295" b="1">
                <a:solidFill>
                  <a:schemeClr val="accent2"/>
                </a:solidFill>
              </a:defRPr>
            </a:lvl2pPr>
            <a:lvl3pPr marL="0" indent="0">
              <a:lnSpc>
                <a:spcPct val="90000"/>
              </a:lnSpc>
              <a:spcAft>
                <a:spcPts val="0"/>
              </a:spcAft>
              <a:buFont typeface="Arial" panose="020B0604020202020204" pitchFamily="34" charset="0"/>
              <a:buNone/>
              <a:defRPr sz="1000">
                <a:solidFill>
                  <a:schemeClr val="accent2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3pPr>
            <a:lvl4pPr marL="0">
              <a:lnSpc>
                <a:spcPct val="90000"/>
              </a:lnSpc>
              <a:spcAft>
                <a:spcPts val="100"/>
              </a:spcAft>
              <a:defRPr sz="625" b="0" i="1">
                <a:solidFill>
                  <a:schemeClr val="accent4"/>
                </a:solidFill>
              </a:defRPr>
            </a:lvl4pPr>
          </a:lstStyle>
          <a:p>
            <a:pPr lvl="3"/>
            <a:endParaRPr lang="fr-FR"/>
          </a:p>
        </p:txBody>
      </p:sp>
      <p:sp>
        <p:nvSpPr>
          <p:cNvPr id="5" name="Espace réservé du texte 18">
            <a:extLst>
              <a:ext uri="{FF2B5EF4-FFF2-40B4-BE49-F238E27FC236}">
                <a16:creationId xmlns:a16="http://schemas.microsoft.com/office/drawing/2014/main" id="{C1E766DA-FF96-5224-4D84-CA060D42DFA5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711802" y="1852713"/>
            <a:ext cx="2132707" cy="87396"/>
          </a:xfrm>
        </p:spPr>
        <p:txBody>
          <a:bodyPr/>
          <a:lstStyle>
            <a:lvl1pPr marL="0">
              <a:lnSpc>
                <a:spcPct val="101000"/>
              </a:lnSpc>
              <a:spcAft>
                <a:spcPts val="0"/>
              </a:spcAft>
              <a:defRPr sz="625">
                <a:solidFill>
                  <a:schemeClr val="accent2"/>
                </a:solidFill>
              </a:defRPr>
            </a:lvl1pPr>
            <a:lvl2pPr marL="0" indent="0">
              <a:lnSpc>
                <a:spcPct val="90000"/>
              </a:lnSpc>
              <a:spcBef>
                <a:spcPts val="150"/>
              </a:spcBef>
              <a:spcAft>
                <a:spcPts val="0"/>
              </a:spcAft>
              <a:buNone/>
              <a:defRPr sz="1295" b="1">
                <a:solidFill>
                  <a:schemeClr val="accent2"/>
                </a:solidFill>
              </a:defRPr>
            </a:lvl2pPr>
            <a:lvl3pPr marL="0" indent="0">
              <a:lnSpc>
                <a:spcPct val="90000"/>
              </a:lnSpc>
              <a:spcAft>
                <a:spcPts val="0"/>
              </a:spcAft>
              <a:buFont typeface="Arial" panose="020B0604020202020204" pitchFamily="34" charset="0"/>
              <a:buNone/>
              <a:defRPr sz="1000">
                <a:solidFill>
                  <a:schemeClr val="accent2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3pPr>
            <a:lvl4pPr marL="0">
              <a:lnSpc>
                <a:spcPct val="90000"/>
              </a:lnSpc>
              <a:spcAft>
                <a:spcPts val="100"/>
              </a:spcAft>
              <a:defRPr sz="625" b="0" i="1">
                <a:solidFill>
                  <a:schemeClr val="accent4"/>
                </a:solidFill>
              </a:defRPr>
            </a:lvl4pPr>
          </a:lstStyle>
          <a:p>
            <a:pPr lvl="3"/>
            <a:endParaRPr lang="fr-FR"/>
          </a:p>
        </p:txBody>
      </p:sp>
      <p:sp>
        <p:nvSpPr>
          <p:cNvPr id="6" name="Espace réservé du texte 18">
            <a:extLst>
              <a:ext uri="{FF2B5EF4-FFF2-40B4-BE49-F238E27FC236}">
                <a16:creationId xmlns:a16="http://schemas.microsoft.com/office/drawing/2014/main" id="{8D956506-6F01-53DB-E5CF-0D85EBB120FF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596157" y="1852713"/>
            <a:ext cx="2132707" cy="87396"/>
          </a:xfrm>
        </p:spPr>
        <p:txBody>
          <a:bodyPr/>
          <a:lstStyle>
            <a:lvl1pPr marL="0">
              <a:lnSpc>
                <a:spcPct val="101000"/>
              </a:lnSpc>
              <a:spcAft>
                <a:spcPts val="0"/>
              </a:spcAft>
              <a:defRPr sz="625">
                <a:solidFill>
                  <a:schemeClr val="accent2"/>
                </a:solidFill>
              </a:defRPr>
            </a:lvl1pPr>
            <a:lvl2pPr marL="0" indent="0">
              <a:lnSpc>
                <a:spcPct val="90000"/>
              </a:lnSpc>
              <a:spcBef>
                <a:spcPts val="150"/>
              </a:spcBef>
              <a:spcAft>
                <a:spcPts val="0"/>
              </a:spcAft>
              <a:buNone/>
              <a:defRPr sz="1295" b="1">
                <a:solidFill>
                  <a:schemeClr val="accent2"/>
                </a:solidFill>
              </a:defRPr>
            </a:lvl2pPr>
            <a:lvl3pPr marL="0" indent="0">
              <a:lnSpc>
                <a:spcPct val="90000"/>
              </a:lnSpc>
              <a:spcAft>
                <a:spcPts val="0"/>
              </a:spcAft>
              <a:buFont typeface="Arial" panose="020B0604020202020204" pitchFamily="34" charset="0"/>
              <a:buNone/>
              <a:defRPr sz="1000">
                <a:solidFill>
                  <a:schemeClr val="accent2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3pPr>
            <a:lvl4pPr marL="0">
              <a:lnSpc>
                <a:spcPct val="90000"/>
              </a:lnSpc>
              <a:spcAft>
                <a:spcPts val="100"/>
              </a:spcAft>
              <a:defRPr sz="625" b="0" i="1">
                <a:solidFill>
                  <a:schemeClr val="accent4"/>
                </a:solidFill>
              </a:defRPr>
            </a:lvl4pPr>
          </a:lstStyle>
          <a:p>
            <a:pPr lvl="3"/>
            <a:endParaRPr lang="fr-FR"/>
          </a:p>
        </p:txBody>
      </p:sp>
      <p:sp>
        <p:nvSpPr>
          <p:cNvPr id="3" name="Espace réservé du pied de page 2">
            <a:extLst>
              <a:ext uri="{FF2B5EF4-FFF2-40B4-BE49-F238E27FC236}">
                <a16:creationId xmlns:a16="http://schemas.microsoft.com/office/drawing/2014/main" id="{C7D5C6EF-6874-FCF1-9E8A-534B195013F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401448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able of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" name="Espace réservé pour une image  25">
            <a:extLst>
              <a:ext uri="{FF2B5EF4-FFF2-40B4-BE49-F238E27FC236}">
                <a16:creationId xmlns:a16="http://schemas.microsoft.com/office/drawing/2014/main" id="{5D4AB09D-F964-E381-6F4E-65790F0B3F8C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0" y="0"/>
            <a:ext cx="3901102" cy="6858772"/>
          </a:xfrm>
          <a:custGeom>
            <a:avLst/>
            <a:gdLst>
              <a:gd name="connsiteX0" fmla="*/ 6947354 w 7798140"/>
              <a:gd name="connsiteY0" fmla="*/ 12866746 h 13717544"/>
              <a:gd name="connsiteX1" fmla="*/ 7798140 w 7798140"/>
              <a:gd name="connsiteY1" fmla="*/ 12866746 h 13717544"/>
              <a:gd name="connsiteX2" fmla="*/ 7798140 w 7798140"/>
              <a:gd name="connsiteY2" fmla="*/ 13717544 h 13717544"/>
              <a:gd name="connsiteX3" fmla="*/ 6947354 w 7798140"/>
              <a:gd name="connsiteY3" fmla="*/ 13717544 h 13717544"/>
              <a:gd name="connsiteX4" fmla="*/ 6096184 w 7798140"/>
              <a:gd name="connsiteY4" fmla="*/ 11124986 h 13717544"/>
              <a:gd name="connsiteX5" fmla="*/ 6946970 w 7798140"/>
              <a:gd name="connsiteY5" fmla="*/ 11124986 h 13717544"/>
              <a:gd name="connsiteX6" fmla="*/ 6946970 w 7798140"/>
              <a:gd name="connsiteY6" fmla="*/ 11975772 h 13717544"/>
              <a:gd name="connsiteX7" fmla="*/ 6096184 w 7798140"/>
              <a:gd name="connsiteY7" fmla="*/ 11975772 h 13717544"/>
              <a:gd name="connsiteX8" fmla="*/ 6946206 w 7798140"/>
              <a:gd name="connsiteY8" fmla="*/ 10268956 h 13717544"/>
              <a:gd name="connsiteX9" fmla="*/ 7796992 w 7798140"/>
              <a:gd name="connsiteY9" fmla="*/ 10268956 h 13717544"/>
              <a:gd name="connsiteX10" fmla="*/ 7796992 w 7798140"/>
              <a:gd name="connsiteY10" fmla="*/ 11119742 h 13717544"/>
              <a:gd name="connsiteX11" fmla="*/ 6946206 w 7798140"/>
              <a:gd name="connsiteY11" fmla="*/ 11119742 h 13717544"/>
              <a:gd name="connsiteX12" fmla="*/ 6931957 w 7798140"/>
              <a:gd name="connsiteY12" fmla="*/ 849352 h 13717544"/>
              <a:gd name="connsiteX13" fmla="*/ 7782743 w 7798140"/>
              <a:gd name="connsiteY13" fmla="*/ 849352 h 13717544"/>
              <a:gd name="connsiteX14" fmla="*/ 7782743 w 7798140"/>
              <a:gd name="connsiteY14" fmla="*/ 1700138 h 13717544"/>
              <a:gd name="connsiteX15" fmla="*/ 6931957 w 7798140"/>
              <a:gd name="connsiteY15" fmla="*/ 1700138 h 13717544"/>
              <a:gd name="connsiteX16" fmla="*/ 0 w 7798140"/>
              <a:gd name="connsiteY16" fmla="*/ 0 h 13717544"/>
              <a:gd name="connsiteX17" fmla="*/ 6096000 w 7798140"/>
              <a:gd name="connsiteY17" fmla="*/ 0 h 13717544"/>
              <a:gd name="connsiteX18" fmla="*/ 6096000 w 7798140"/>
              <a:gd name="connsiteY18" fmla="*/ 1700453 h 13717544"/>
              <a:gd name="connsiteX19" fmla="*/ 6936468 w 7798140"/>
              <a:gd name="connsiteY19" fmla="*/ 1700453 h 13717544"/>
              <a:gd name="connsiteX20" fmla="*/ 6936468 w 7798140"/>
              <a:gd name="connsiteY20" fmla="*/ 2551239 h 13717544"/>
              <a:gd name="connsiteX21" fmla="*/ 6096000 w 7798140"/>
              <a:gd name="connsiteY21" fmla="*/ 2551239 h 13717544"/>
              <a:gd name="connsiteX22" fmla="*/ 6096000 w 7798140"/>
              <a:gd name="connsiteY22" fmla="*/ 7695481 h 13717544"/>
              <a:gd name="connsiteX23" fmla="*/ 6919325 w 7798140"/>
              <a:gd name="connsiteY23" fmla="*/ 7695481 h 13717544"/>
              <a:gd name="connsiteX24" fmla="*/ 6919325 w 7798140"/>
              <a:gd name="connsiteY24" fmla="*/ 8546267 h 13717544"/>
              <a:gd name="connsiteX25" fmla="*/ 6096000 w 7798140"/>
              <a:gd name="connsiteY25" fmla="*/ 8546267 h 13717544"/>
              <a:gd name="connsiteX26" fmla="*/ 6096000 w 7798140"/>
              <a:gd name="connsiteY26" fmla="*/ 8546340 h 13717544"/>
              <a:gd name="connsiteX27" fmla="*/ 6919211 w 7798140"/>
              <a:gd name="connsiteY27" fmla="*/ 8546340 h 13717544"/>
              <a:gd name="connsiteX28" fmla="*/ 6919210 w 7798140"/>
              <a:gd name="connsiteY28" fmla="*/ 9397126 h 13717544"/>
              <a:gd name="connsiteX29" fmla="*/ 6096000 w 7798140"/>
              <a:gd name="connsiteY29" fmla="*/ 9397126 h 13717544"/>
              <a:gd name="connsiteX30" fmla="*/ 6096000 w 7798140"/>
              <a:gd name="connsiteY30" fmla="*/ 13715999 h 13717544"/>
              <a:gd name="connsiteX31" fmla="*/ 0 w 7798140"/>
              <a:gd name="connsiteY31" fmla="*/ 13715999 h 1371754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7798140" h="13717544">
                <a:moveTo>
                  <a:pt x="6947354" y="12866746"/>
                </a:moveTo>
                <a:lnTo>
                  <a:pt x="7798140" y="12866746"/>
                </a:lnTo>
                <a:lnTo>
                  <a:pt x="7798140" y="13717544"/>
                </a:lnTo>
                <a:lnTo>
                  <a:pt x="6947354" y="13717544"/>
                </a:lnTo>
                <a:close/>
                <a:moveTo>
                  <a:pt x="6096184" y="11124986"/>
                </a:moveTo>
                <a:lnTo>
                  <a:pt x="6946970" y="11124986"/>
                </a:lnTo>
                <a:lnTo>
                  <a:pt x="6946970" y="11975772"/>
                </a:lnTo>
                <a:lnTo>
                  <a:pt x="6096184" y="11975772"/>
                </a:lnTo>
                <a:close/>
                <a:moveTo>
                  <a:pt x="6946206" y="10268956"/>
                </a:moveTo>
                <a:lnTo>
                  <a:pt x="7796992" y="10268956"/>
                </a:lnTo>
                <a:lnTo>
                  <a:pt x="7796992" y="11119742"/>
                </a:lnTo>
                <a:lnTo>
                  <a:pt x="6946206" y="11119742"/>
                </a:lnTo>
                <a:close/>
                <a:moveTo>
                  <a:pt x="6931957" y="849352"/>
                </a:moveTo>
                <a:lnTo>
                  <a:pt x="7782743" y="849352"/>
                </a:lnTo>
                <a:lnTo>
                  <a:pt x="7782743" y="1700138"/>
                </a:lnTo>
                <a:lnTo>
                  <a:pt x="6931957" y="1700138"/>
                </a:lnTo>
                <a:close/>
                <a:moveTo>
                  <a:pt x="0" y="0"/>
                </a:moveTo>
                <a:lnTo>
                  <a:pt x="6096000" y="0"/>
                </a:lnTo>
                <a:lnTo>
                  <a:pt x="6096000" y="1700453"/>
                </a:lnTo>
                <a:lnTo>
                  <a:pt x="6936468" y="1700453"/>
                </a:lnTo>
                <a:lnTo>
                  <a:pt x="6936468" y="2551239"/>
                </a:lnTo>
                <a:lnTo>
                  <a:pt x="6096000" y="2551239"/>
                </a:lnTo>
                <a:lnTo>
                  <a:pt x="6096000" y="7695481"/>
                </a:lnTo>
                <a:lnTo>
                  <a:pt x="6919325" y="7695481"/>
                </a:lnTo>
                <a:lnTo>
                  <a:pt x="6919325" y="8546267"/>
                </a:lnTo>
                <a:lnTo>
                  <a:pt x="6096000" y="8546267"/>
                </a:lnTo>
                <a:lnTo>
                  <a:pt x="6096000" y="8546340"/>
                </a:lnTo>
                <a:lnTo>
                  <a:pt x="6919211" y="8546340"/>
                </a:lnTo>
                <a:lnTo>
                  <a:pt x="6919210" y="9397126"/>
                </a:lnTo>
                <a:lnTo>
                  <a:pt x="6096000" y="9397126"/>
                </a:lnTo>
                <a:lnTo>
                  <a:pt x="6096000" y="13715999"/>
                </a:lnTo>
                <a:lnTo>
                  <a:pt x="0" y="13715999"/>
                </a:lnTo>
                <a:close/>
              </a:path>
            </a:pathLst>
          </a:custGeom>
          <a:solidFill>
            <a:srgbClr val="FCDAD9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2" name="Titre 1">
            <a:extLst>
              <a:ext uri="{FF2B5EF4-FFF2-40B4-BE49-F238E27FC236}">
                <a16:creationId xmlns:a16="http://schemas.microsoft.com/office/drawing/2014/main" id="{0D63D579-EA13-2FB6-2E6F-4BFD73BA7B3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330" y="380016"/>
            <a:ext cx="10515600" cy="301044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r>
              <a:rPr lang="fr-FR"/>
              <a:t>Table of </a:t>
            </a:r>
          </a:p>
        </p:txBody>
      </p:sp>
      <p:sp>
        <p:nvSpPr>
          <p:cNvPr id="10" name="Espace réservé du numéro de diapositive 9">
            <a:extLst>
              <a:ext uri="{FF2B5EF4-FFF2-40B4-BE49-F238E27FC236}">
                <a16:creationId xmlns:a16="http://schemas.microsoft.com/office/drawing/2014/main" id="{AF3208A2-AE73-F805-299D-68050537CD1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33" name="Espace réservé du texte 32">
            <a:extLst>
              <a:ext uri="{FF2B5EF4-FFF2-40B4-BE49-F238E27FC236}">
                <a16:creationId xmlns:a16="http://schemas.microsoft.com/office/drawing/2014/main" id="{82A51F25-4B0A-93BA-EC15-3E9A0CCBCFB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95367" y="6643874"/>
            <a:ext cx="566083" cy="84790"/>
          </a:xfrm>
          <a:custGeom>
            <a:avLst/>
            <a:gdLst>
              <a:gd name="connsiteX0" fmla="*/ 995838 w 1131576"/>
              <a:gd name="connsiteY0" fmla="*/ 121703 h 169580"/>
              <a:gd name="connsiteX1" fmla="*/ 1041084 w 1131576"/>
              <a:gd name="connsiteY1" fmla="*/ 121703 h 169580"/>
              <a:gd name="connsiteX2" fmla="*/ 1041084 w 1131576"/>
              <a:gd name="connsiteY2" fmla="*/ 166948 h 169580"/>
              <a:gd name="connsiteX3" fmla="*/ 995838 w 1131576"/>
              <a:gd name="connsiteY3" fmla="*/ 166948 h 169580"/>
              <a:gd name="connsiteX4" fmla="*/ 316696 w 1131576"/>
              <a:gd name="connsiteY4" fmla="*/ 83649 h 169580"/>
              <a:gd name="connsiteX5" fmla="*/ 288910 w 1131576"/>
              <a:gd name="connsiteY5" fmla="*/ 94521 h 169580"/>
              <a:gd name="connsiteX6" fmla="*/ 345015 w 1131576"/>
              <a:gd name="connsiteY6" fmla="*/ 94521 h 169580"/>
              <a:gd name="connsiteX7" fmla="*/ 316696 w 1131576"/>
              <a:gd name="connsiteY7" fmla="*/ 83649 h 169580"/>
              <a:gd name="connsiteX8" fmla="*/ 539645 w 1131576"/>
              <a:gd name="connsiteY8" fmla="*/ 57092 h 169580"/>
              <a:gd name="connsiteX9" fmla="*/ 584890 w 1131576"/>
              <a:gd name="connsiteY9" fmla="*/ 57092 h 169580"/>
              <a:gd name="connsiteX10" fmla="*/ 584890 w 1131576"/>
              <a:gd name="connsiteY10" fmla="*/ 102870 h 169580"/>
              <a:gd name="connsiteX11" fmla="*/ 611118 w 1131576"/>
              <a:gd name="connsiteY11" fmla="*/ 129466 h 169580"/>
              <a:gd name="connsiteX12" fmla="*/ 646038 w 1131576"/>
              <a:gd name="connsiteY12" fmla="*/ 115718 h 169580"/>
              <a:gd name="connsiteX13" fmla="*/ 646038 w 1131576"/>
              <a:gd name="connsiteY13" fmla="*/ 57092 h 169580"/>
              <a:gd name="connsiteX14" fmla="*/ 691284 w 1131576"/>
              <a:gd name="connsiteY14" fmla="*/ 57092 h 169580"/>
              <a:gd name="connsiteX15" fmla="*/ 691284 w 1131576"/>
              <a:gd name="connsiteY15" fmla="*/ 166894 h 169580"/>
              <a:gd name="connsiteX16" fmla="*/ 646038 w 1131576"/>
              <a:gd name="connsiteY16" fmla="*/ 166894 h 169580"/>
              <a:gd name="connsiteX17" fmla="*/ 646038 w 1131576"/>
              <a:gd name="connsiteY17" fmla="*/ 151170 h 169580"/>
              <a:gd name="connsiteX18" fmla="*/ 593570 w 1131576"/>
              <a:gd name="connsiteY18" fmla="*/ 167451 h 169580"/>
              <a:gd name="connsiteX19" fmla="*/ 539645 w 1131576"/>
              <a:gd name="connsiteY19" fmla="*/ 120596 h 169580"/>
              <a:gd name="connsiteX20" fmla="*/ 0 w 1131576"/>
              <a:gd name="connsiteY20" fmla="*/ 57092 h 169580"/>
              <a:gd name="connsiteX21" fmla="*/ 45258 w 1131576"/>
              <a:gd name="connsiteY21" fmla="*/ 57092 h 169580"/>
              <a:gd name="connsiteX22" fmla="*/ 45258 w 1131576"/>
              <a:gd name="connsiteY22" fmla="*/ 166894 h 169580"/>
              <a:gd name="connsiteX23" fmla="*/ 0 w 1131576"/>
              <a:gd name="connsiteY23" fmla="*/ 166894 h 169580"/>
              <a:gd name="connsiteX24" fmla="*/ 168389 w 1131576"/>
              <a:gd name="connsiteY24" fmla="*/ 56041 h 169580"/>
              <a:gd name="connsiteX25" fmla="*/ 222276 w 1131576"/>
              <a:gd name="connsiteY25" fmla="*/ 105012 h 169580"/>
              <a:gd name="connsiteX26" fmla="*/ 222276 w 1131576"/>
              <a:gd name="connsiteY26" fmla="*/ 166894 h 169580"/>
              <a:gd name="connsiteX27" fmla="*/ 177031 w 1131576"/>
              <a:gd name="connsiteY27" fmla="*/ 166894 h 169580"/>
              <a:gd name="connsiteX28" fmla="*/ 177031 w 1131576"/>
              <a:gd name="connsiteY28" fmla="*/ 123346 h 169580"/>
              <a:gd name="connsiteX29" fmla="*/ 150106 w 1131576"/>
              <a:gd name="connsiteY29" fmla="*/ 95636 h 169580"/>
              <a:gd name="connsiteX30" fmla="*/ 113704 w 1131576"/>
              <a:gd name="connsiteY30" fmla="*/ 109966 h 169580"/>
              <a:gd name="connsiteX31" fmla="*/ 113704 w 1131576"/>
              <a:gd name="connsiteY31" fmla="*/ 166894 h 169580"/>
              <a:gd name="connsiteX32" fmla="*/ 68471 w 1131576"/>
              <a:gd name="connsiteY32" fmla="*/ 166894 h 169580"/>
              <a:gd name="connsiteX33" fmla="*/ 68471 w 1131576"/>
              <a:gd name="connsiteY33" fmla="*/ 57092 h 169580"/>
              <a:gd name="connsiteX34" fmla="*/ 113704 w 1131576"/>
              <a:gd name="connsiteY34" fmla="*/ 57092 h 169580"/>
              <a:gd name="connsiteX35" fmla="*/ 113704 w 1131576"/>
              <a:gd name="connsiteY35" fmla="*/ 73019 h 169580"/>
              <a:gd name="connsiteX36" fmla="*/ 168389 w 1131576"/>
              <a:gd name="connsiteY36" fmla="*/ 56041 h 169580"/>
              <a:gd name="connsiteX37" fmla="*/ 809118 w 1131576"/>
              <a:gd name="connsiteY37" fmla="*/ 55357 h 169580"/>
              <a:gd name="connsiteX38" fmla="*/ 850272 w 1131576"/>
              <a:gd name="connsiteY38" fmla="*/ 76503 h 169580"/>
              <a:gd name="connsiteX39" fmla="*/ 903830 w 1131576"/>
              <a:gd name="connsiteY39" fmla="*/ 55357 h 169580"/>
              <a:gd name="connsiteX40" fmla="*/ 950545 w 1131576"/>
              <a:gd name="connsiteY40" fmla="*/ 100881 h 169580"/>
              <a:gd name="connsiteX41" fmla="*/ 950545 w 1131576"/>
              <a:gd name="connsiteY41" fmla="*/ 166894 h 169580"/>
              <a:gd name="connsiteX42" fmla="*/ 905299 w 1131576"/>
              <a:gd name="connsiteY42" fmla="*/ 166894 h 169580"/>
              <a:gd name="connsiteX43" fmla="*/ 905299 w 1131576"/>
              <a:gd name="connsiteY43" fmla="*/ 120634 h 169580"/>
              <a:gd name="connsiteX44" fmla="*/ 884266 w 1131576"/>
              <a:gd name="connsiteY44" fmla="*/ 93748 h 169580"/>
              <a:gd name="connsiteX45" fmla="*/ 855758 w 1131576"/>
              <a:gd name="connsiteY45" fmla="*/ 106494 h 169580"/>
              <a:gd name="connsiteX46" fmla="*/ 855821 w 1131576"/>
              <a:gd name="connsiteY46" fmla="*/ 166894 h 169580"/>
              <a:gd name="connsiteX47" fmla="*/ 810575 w 1131576"/>
              <a:gd name="connsiteY47" fmla="*/ 166894 h 169580"/>
              <a:gd name="connsiteX48" fmla="*/ 810575 w 1131576"/>
              <a:gd name="connsiteY48" fmla="*/ 120634 h 169580"/>
              <a:gd name="connsiteX49" fmla="*/ 789543 w 1131576"/>
              <a:gd name="connsiteY49" fmla="*/ 93748 h 169580"/>
              <a:gd name="connsiteX50" fmla="*/ 759742 w 1131576"/>
              <a:gd name="connsiteY50" fmla="*/ 107647 h 169580"/>
              <a:gd name="connsiteX51" fmla="*/ 759742 w 1131576"/>
              <a:gd name="connsiteY51" fmla="*/ 166894 h 169580"/>
              <a:gd name="connsiteX52" fmla="*/ 714496 w 1131576"/>
              <a:gd name="connsiteY52" fmla="*/ 166881 h 169580"/>
              <a:gd name="connsiteX53" fmla="*/ 714496 w 1131576"/>
              <a:gd name="connsiteY53" fmla="*/ 57092 h 169580"/>
              <a:gd name="connsiteX54" fmla="*/ 759742 w 1131576"/>
              <a:gd name="connsiteY54" fmla="*/ 57092 h 169580"/>
              <a:gd name="connsiteX55" fmla="*/ 759742 w 1131576"/>
              <a:gd name="connsiteY55" fmla="*/ 75464 h 169580"/>
              <a:gd name="connsiteX56" fmla="*/ 809118 w 1131576"/>
              <a:gd name="connsiteY56" fmla="*/ 55357 h 169580"/>
              <a:gd name="connsiteX57" fmla="*/ 316950 w 1131576"/>
              <a:gd name="connsiteY57" fmla="*/ 54394 h 169580"/>
              <a:gd name="connsiteX58" fmla="*/ 392364 w 1131576"/>
              <a:gd name="connsiteY58" fmla="*/ 119431 h 169580"/>
              <a:gd name="connsiteX59" fmla="*/ 286667 w 1131576"/>
              <a:gd name="connsiteY59" fmla="*/ 119431 h 169580"/>
              <a:gd name="connsiteX60" fmla="*/ 315087 w 1131576"/>
              <a:gd name="connsiteY60" fmla="*/ 134293 h 169580"/>
              <a:gd name="connsiteX61" fmla="*/ 340251 w 1131576"/>
              <a:gd name="connsiteY61" fmla="*/ 130340 h 169580"/>
              <a:gd name="connsiteX62" fmla="*/ 389475 w 1131576"/>
              <a:gd name="connsiteY62" fmla="*/ 130340 h 169580"/>
              <a:gd name="connsiteX63" fmla="*/ 315087 w 1131576"/>
              <a:gd name="connsiteY63" fmla="*/ 169580 h 169580"/>
              <a:gd name="connsiteX64" fmla="*/ 241143 w 1131576"/>
              <a:gd name="connsiteY64" fmla="*/ 111993 h 169580"/>
              <a:gd name="connsiteX65" fmla="*/ 316950 w 1131576"/>
              <a:gd name="connsiteY65" fmla="*/ 54394 h 169580"/>
              <a:gd name="connsiteX66" fmla="*/ 1041084 w 1131576"/>
              <a:gd name="connsiteY66" fmla="*/ 31198 h 169580"/>
              <a:gd name="connsiteX67" fmla="*/ 1131576 w 1131576"/>
              <a:gd name="connsiteY67" fmla="*/ 31198 h 169580"/>
              <a:gd name="connsiteX68" fmla="*/ 1131576 w 1131576"/>
              <a:gd name="connsiteY68" fmla="*/ 121703 h 169580"/>
              <a:gd name="connsiteX69" fmla="*/ 1086330 w 1131576"/>
              <a:gd name="connsiteY69" fmla="*/ 121703 h 169580"/>
              <a:gd name="connsiteX70" fmla="*/ 1086330 w 1131576"/>
              <a:gd name="connsiteY70" fmla="*/ 76457 h 169580"/>
              <a:gd name="connsiteX71" fmla="*/ 1041084 w 1131576"/>
              <a:gd name="connsiteY71" fmla="*/ 76457 h 169580"/>
              <a:gd name="connsiteX72" fmla="*/ 428918 w 1131576"/>
              <a:gd name="connsiteY72" fmla="*/ 22629 h 169580"/>
              <a:gd name="connsiteX73" fmla="*/ 474164 w 1131576"/>
              <a:gd name="connsiteY73" fmla="*/ 22629 h 169580"/>
              <a:gd name="connsiteX74" fmla="*/ 474164 w 1131576"/>
              <a:gd name="connsiteY74" fmla="*/ 57092 h 169580"/>
              <a:gd name="connsiteX75" fmla="*/ 519410 w 1131576"/>
              <a:gd name="connsiteY75" fmla="*/ 57092 h 169580"/>
              <a:gd name="connsiteX76" fmla="*/ 519410 w 1131576"/>
              <a:gd name="connsiteY76" fmla="*/ 93773 h 169580"/>
              <a:gd name="connsiteX77" fmla="*/ 474164 w 1131576"/>
              <a:gd name="connsiteY77" fmla="*/ 93773 h 169580"/>
              <a:gd name="connsiteX78" fmla="*/ 474164 w 1131576"/>
              <a:gd name="connsiteY78" fmla="*/ 130086 h 169580"/>
              <a:gd name="connsiteX79" fmla="*/ 519410 w 1131576"/>
              <a:gd name="connsiteY79" fmla="*/ 130086 h 169580"/>
              <a:gd name="connsiteX80" fmla="*/ 519410 w 1131576"/>
              <a:gd name="connsiteY80" fmla="*/ 166894 h 169580"/>
              <a:gd name="connsiteX81" fmla="*/ 428918 w 1131576"/>
              <a:gd name="connsiteY81" fmla="*/ 166894 h 169580"/>
              <a:gd name="connsiteX82" fmla="*/ 428918 w 1131576"/>
              <a:gd name="connsiteY82" fmla="*/ 93773 h 169580"/>
              <a:gd name="connsiteX83" fmla="*/ 404629 w 1131576"/>
              <a:gd name="connsiteY83" fmla="*/ 93773 h 169580"/>
              <a:gd name="connsiteX84" fmla="*/ 404629 w 1131576"/>
              <a:gd name="connsiteY84" fmla="*/ 57092 h 169580"/>
              <a:gd name="connsiteX85" fmla="*/ 428918 w 1131576"/>
              <a:gd name="connsiteY85" fmla="*/ 57092 h 169580"/>
              <a:gd name="connsiteX86" fmla="*/ 0 w 1131576"/>
              <a:gd name="connsiteY86" fmla="*/ 0 h 169580"/>
              <a:gd name="connsiteX87" fmla="*/ 45258 w 1131576"/>
              <a:gd name="connsiteY87" fmla="*/ 0 h 169580"/>
              <a:gd name="connsiteX88" fmla="*/ 45258 w 1131576"/>
              <a:gd name="connsiteY88" fmla="*/ 45246 h 169580"/>
              <a:gd name="connsiteX89" fmla="*/ 0 w 1131576"/>
              <a:gd name="connsiteY89" fmla="*/ 45246 h 1695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</a:cxnLst>
            <a:rect l="l" t="t" r="r" b="b"/>
            <a:pathLst>
              <a:path w="1131576" h="169580">
                <a:moveTo>
                  <a:pt x="995838" y="121703"/>
                </a:moveTo>
                <a:lnTo>
                  <a:pt x="1041084" y="121703"/>
                </a:lnTo>
                <a:lnTo>
                  <a:pt x="1041084" y="166948"/>
                </a:lnTo>
                <a:lnTo>
                  <a:pt x="995838" y="166948"/>
                </a:lnTo>
                <a:close/>
                <a:moveTo>
                  <a:pt x="316696" y="83649"/>
                </a:moveTo>
                <a:cubicBezTo>
                  <a:pt x="304799" y="83649"/>
                  <a:pt x="293725" y="87096"/>
                  <a:pt x="288910" y="94521"/>
                </a:cubicBezTo>
                <a:lnTo>
                  <a:pt x="345015" y="94521"/>
                </a:lnTo>
                <a:cubicBezTo>
                  <a:pt x="339794" y="87096"/>
                  <a:pt x="328594" y="83649"/>
                  <a:pt x="316696" y="83649"/>
                </a:cubicBezTo>
                <a:close/>
                <a:moveTo>
                  <a:pt x="539645" y="57092"/>
                </a:moveTo>
                <a:lnTo>
                  <a:pt x="584890" y="57092"/>
                </a:lnTo>
                <a:lnTo>
                  <a:pt x="584890" y="102870"/>
                </a:lnTo>
                <a:cubicBezTo>
                  <a:pt x="584890" y="121509"/>
                  <a:pt x="591580" y="129466"/>
                  <a:pt x="611118" y="129466"/>
                </a:cubicBezTo>
                <a:cubicBezTo>
                  <a:pt x="623966" y="129466"/>
                  <a:pt x="637536" y="123853"/>
                  <a:pt x="646038" y="115718"/>
                </a:cubicBezTo>
                <a:lnTo>
                  <a:pt x="646038" y="57092"/>
                </a:lnTo>
                <a:lnTo>
                  <a:pt x="691284" y="57092"/>
                </a:lnTo>
                <a:lnTo>
                  <a:pt x="691284" y="166894"/>
                </a:lnTo>
                <a:lnTo>
                  <a:pt x="646038" y="166894"/>
                </a:lnTo>
                <a:lnTo>
                  <a:pt x="646038" y="151170"/>
                </a:lnTo>
                <a:cubicBezTo>
                  <a:pt x="633013" y="160217"/>
                  <a:pt x="616364" y="167451"/>
                  <a:pt x="593570" y="167451"/>
                </a:cubicBezTo>
                <a:cubicBezTo>
                  <a:pt x="569141" y="167451"/>
                  <a:pt x="539645" y="159862"/>
                  <a:pt x="539645" y="120596"/>
                </a:cubicBezTo>
                <a:close/>
                <a:moveTo>
                  <a:pt x="0" y="57092"/>
                </a:moveTo>
                <a:lnTo>
                  <a:pt x="45258" y="57092"/>
                </a:lnTo>
                <a:lnTo>
                  <a:pt x="45258" y="166894"/>
                </a:lnTo>
                <a:lnTo>
                  <a:pt x="0" y="166894"/>
                </a:lnTo>
                <a:close/>
                <a:moveTo>
                  <a:pt x="168389" y="56041"/>
                </a:moveTo>
                <a:cubicBezTo>
                  <a:pt x="193844" y="56041"/>
                  <a:pt x="222276" y="64099"/>
                  <a:pt x="222276" y="105012"/>
                </a:cubicBezTo>
                <a:lnTo>
                  <a:pt x="222276" y="166894"/>
                </a:lnTo>
                <a:lnTo>
                  <a:pt x="177031" y="166894"/>
                </a:lnTo>
                <a:lnTo>
                  <a:pt x="177031" y="123346"/>
                </a:lnTo>
                <a:cubicBezTo>
                  <a:pt x="177031" y="103935"/>
                  <a:pt x="170455" y="95636"/>
                  <a:pt x="150106" y="95636"/>
                </a:cubicBezTo>
                <a:cubicBezTo>
                  <a:pt x="136713" y="95636"/>
                  <a:pt x="122573" y="101489"/>
                  <a:pt x="113704" y="109966"/>
                </a:cubicBezTo>
                <a:lnTo>
                  <a:pt x="113704" y="166894"/>
                </a:lnTo>
                <a:lnTo>
                  <a:pt x="68471" y="166894"/>
                </a:lnTo>
                <a:lnTo>
                  <a:pt x="68471" y="57092"/>
                </a:lnTo>
                <a:lnTo>
                  <a:pt x="113704" y="57092"/>
                </a:lnTo>
                <a:lnTo>
                  <a:pt x="113704" y="73019"/>
                </a:lnTo>
                <a:cubicBezTo>
                  <a:pt x="127287" y="63580"/>
                  <a:pt x="144632" y="56041"/>
                  <a:pt x="168389" y="56041"/>
                </a:cubicBezTo>
                <a:close/>
                <a:moveTo>
                  <a:pt x="809118" y="55357"/>
                </a:moveTo>
                <a:cubicBezTo>
                  <a:pt x="822828" y="55357"/>
                  <a:pt x="841681" y="60399"/>
                  <a:pt x="850272" y="76503"/>
                </a:cubicBezTo>
                <a:cubicBezTo>
                  <a:pt x="861244" y="63757"/>
                  <a:pt x="877133" y="55357"/>
                  <a:pt x="903830" y="55357"/>
                </a:cubicBezTo>
                <a:cubicBezTo>
                  <a:pt x="923038" y="55357"/>
                  <a:pt x="950545" y="63035"/>
                  <a:pt x="950545" y="100881"/>
                </a:cubicBezTo>
                <a:lnTo>
                  <a:pt x="950545" y="166894"/>
                </a:lnTo>
                <a:lnTo>
                  <a:pt x="905299" y="166894"/>
                </a:lnTo>
                <a:lnTo>
                  <a:pt x="905299" y="120634"/>
                </a:lnTo>
                <a:cubicBezTo>
                  <a:pt x="905299" y="101793"/>
                  <a:pt x="900358" y="93748"/>
                  <a:pt x="884266" y="93748"/>
                </a:cubicBezTo>
                <a:cubicBezTo>
                  <a:pt x="873117" y="93748"/>
                  <a:pt x="865083" y="97359"/>
                  <a:pt x="855758" y="106494"/>
                </a:cubicBezTo>
                <a:lnTo>
                  <a:pt x="855821" y="166894"/>
                </a:lnTo>
                <a:lnTo>
                  <a:pt x="810575" y="166894"/>
                </a:lnTo>
                <a:lnTo>
                  <a:pt x="810575" y="120634"/>
                </a:lnTo>
                <a:cubicBezTo>
                  <a:pt x="810575" y="101793"/>
                  <a:pt x="805634" y="93748"/>
                  <a:pt x="789543" y="93748"/>
                </a:cubicBezTo>
                <a:cubicBezTo>
                  <a:pt x="778393" y="93748"/>
                  <a:pt x="769067" y="98512"/>
                  <a:pt x="759742" y="107647"/>
                </a:cubicBezTo>
                <a:lnTo>
                  <a:pt x="759742" y="166894"/>
                </a:lnTo>
                <a:lnTo>
                  <a:pt x="714496" y="166881"/>
                </a:lnTo>
                <a:lnTo>
                  <a:pt x="714496" y="57092"/>
                </a:lnTo>
                <a:lnTo>
                  <a:pt x="759742" y="57092"/>
                </a:lnTo>
                <a:lnTo>
                  <a:pt x="759742" y="75464"/>
                </a:lnTo>
                <a:cubicBezTo>
                  <a:pt x="769435" y="66316"/>
                  <a:pt x="782422" y="55357"/>
                  <a:pt x="809118" y="55357"/>
                </a:cubicBezTo>
                <a:close/>
                <a:moveTo>
                  <a:pt x="316950" y="54394"/>
                </a:moveTo>
                <a:cubicBezTo>
                  <a:pt x="362842" y="54394"/>
                  <a:pt x="392364" y="70751"/>
                  <a:pt x="392364" y="119431"/>
                </a:cubicBezTo>
                <a:lnTo>
                  <a:pt x="286667" y="119431"/>
                </a:lnTo>
                <a:cubicBezTo>
                  <a:pt x="290380" y="131315"/>
                  <a:pt x="302822" y="134293"/>
                  <a:pt x="315087" y="134293"/>
                </a:cubicBezTo>
                <a:cubicBezTo>
                  <a:pt x="327162" y="134293"/>
                  <a:pt x="333839" y="133672"/>
                  <a:pt x="340251" y="130340"/>
                </a:cubicBezTo>
                <a:lnTo>
                  <a:pt x="389475" y="130340"/>
                </a:lnTo>
                <a:cubicBezTo>
                  <a:pt x="382316" y="156694"/>
                  <a:pt x="358483" y="169580"/>
                  <a:pt x="315087" y="169580"/>
                </a:cubicBezTo>
                <a:cubicBezTo>
                  <a:pt x="271425" y="169580"/>
                  <a:pt x="241143" y="153235"/>
                  <a:pt x="241143" y="111993"/>
                </a:cubicBezTo>
                <a:cubicBezTo>
                  <a:pt x="241143" y="70751"/>
                  <a:pt x="271425" y="54394"/>
                  <a:pt x="316950" y="54394"/>
                </a:cubicBezTo>
                <a:close/>
                <a:moveTo>
                  <a:pt x="1041084" y="31198"/>
                </a:moveTo>
                <a:lnTo>
                  <a:pt x="1131576" y="31198"/>
                </a:lnTo>
                <a:lnTo>
                  <a:pt x="1131576" y="121703"/>
                </a:lnTo>
                <a:lnTo>
                  <a:pt x="1086330" y="121703"/>
                </a:lnTo>
                <a:lnTo>
                  <a:pt x="1086330" y="76457"/>
                </a:lnTo>
                <a:lnTo>
                  <a:pt x="1041084" y="76457"/>
                </a:lnTo>
                <a:close/>
                <a:moveTo>
                  <a:pt x="428918" y="22629"/>
                </a:moveTo>
                <a:lnTo>
                  <a:pt x="474164" y="22629"/>
                </a:lnTo>
                <a:lnTo>
                  <a:pt x="474164" y="57092"/>
                </a:lnTo>
                <a:lnTo>
                  <a:pt x="519410" y="57092"/>
                </a:lnTo>
                <a:lnTo>
                  <a:pt x="519410" y="93773"/>
                </a:lnTo>
                <a:lnTo>
                  <a:pt x="474164" y="93773"/>
                </a:lnTo>
                <a:lnTo>
                  <a:pt x="474164" y="130086"/>
                </a:lnTo>
                <a:lnTo>
                  <a:pt x="519410" y="130086"/>
                </a:lnTo>
                <a:lnTo>
                  <a:pt x="519410" y="166894"/>
                </a:lnTo>
                <a:lnTo>
                  <a:pt x="428918" y="166894"/>
                </a:lnTo>
                <a:lnTo>
                  <a:pt x="428918" y="93773"/>
                </a:lnTo>
                <a:lnTo>
                  <a:pt x="404629" y="93773"/>
                </a:lnTo>
                <a:lnTo>
                  <a:pt x="404629" y="57092"/>
                </a:lnTo>
                <a:lnTo>
                  <a:pt x="428918" y="57092"/>
                </a:lnTo>
                <a:close/>
                <a:moveTo>
                  <a:pt x="0" y="0"/>
                </a:moveTo>
                <a:lnTo>
                  <a:pt x="45258" y="0"/>
                </a:lnTo>
                <a:lnTo>
                  <a:pt x="45258" y="45246"/>
                </a:lnTo>
                <a:lnTo>
                  <a:pt x="0" y="45246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34" name="Espace réservé du texte 26">
            <a:extLst>
              <a:ext uri="{FF2B5EF4-FFF2-40B4-BE49-F238E27FC236}">
                <a16:creationId xmlns:a16="http://schemas.microsoft.com/office/drawing/2014/main" id="{620C561E-6C27-C2DA-73EE-EAFF9202FEB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 rot="-5400000">
            <a:off x="-1225097" y="3112777"/>
            <a:ext cx="5596084" cy="1219821"/>
          </a:xfrm>
        </p:spPr>
        <p:txBody>
          <a:bodyPr wrap="none" anchor="ctr"/>
          <a:lstStyle>
            <a:lvl1pPr>
              <a:defRPr sz="8000" i="0" cap="all" baseline="0">
                <a:solidFill>
                  <a:schemeClr val="accent2"/>
                </a:solidFill>
                <a:latin typeface="Poppins ExtraBold" panose="00000900000000000000" pitchFamily="2" charset="0"/>
                <a:cs typeface="Poppins Medium" panose="00000600000000000000" pitchFamily="2" charset="0"/>
              </a:defRPr>
            </a:lvl1pPr>
            <a:lvl2pPr marL="108000" indent="0">
              <a:buNone/>
              <a:defRPr/>
            </a:lvl2pPr>
          </a:lstStyle>
          <a:p>
            <a:pPr lvl="0"/>
            <a:r>
              <a:rPr lang="fr-FR"/>
              <a:t>Contents</a:t>
            </a:r>
          </a:p>
        </p:txBody>
      </p:sp>
      <p:sp>
        <p:nvSpPr>
          <p:cNvPr id="41" name="Espace réservé du texte 40">
            <a:extLst>
              <a:ext uri="{FF2B5EF4-FFF2-40B4-BE49-F238E27FC236}">
                <a16:creationId xmlns:a16="http://schemas.microsoft.com/office/drawing/2014/main" id="{ED602719-6EA6-30B9-081A-531E47135D8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1347568" y="100"/>
            <a:ext cx="841684" cy="841139"/>
          </a:xfrm>
          <a:custGeom>
            <a:avLst/>
            <a:gdLst>
              <a:gd name="connsiteX0" fmla="*/ 835244 w 1682492"/>
              <a:gd name="connsiteY0" fmla="*/ 0 h 1682278"/>
              <a:gd name="connsiteX1" fmla="*/ 1682492 w 1682492"/>
              <a:gd name="connsiteY1" fmla="*/ 0 h 1682278"/>
              <a:gd name="connsiteX2" fmla="*/ 1682492 w 1682492"/>
              <a:gd name="connsiteY2" fmla="*/ 847248 h 1682278"/>
              <a:gd name="connsiteX3" fmla="*/ 1681960 w 1682492"/>
              <a:gd name="connsiteY3" fmla="*/ 847248 h 1682278"/>
              <a:gd name="connsiteX4" fmla="*/ 1681960 w 1682492"/>
              <a:gd name="connsiteY4" fmla="*/ 1682278 h 1682278"/>
              <a:gd name="connsiteX5" fmla="*/ 834712 w 1682492"/>
              <a:gd name="connsiteY5" fmla="*/ 1682278 h 1682278"/>
              <a:gd name="connsiteX6" fmla="*/ 834712 w 1682492"/>
              <a:gd name="connsiteY6" fmla="*/ 847564 h 1682278"/>
              <a:gd name="connsiteX7" fmla="*/ 0 w 1682492"/>
              <a:gd name="connsiteY7" fmla="*/ 847564 h 1682278"/>
              <a:gd name="connsiteX8" fmla="*/ 0 w 1682492"/>
              <a:gd name="connsiteY8" fmla="*/ 316 h 1682278"/>
              <a:gd name="connsiteX9" fmla="*/ 835244 w 1682492"/>
              <a:gd name="connsiteY9" fmla="*/ 316 h 168227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682492" h="1682278">
                <a:moveTo>
                  <a:pt x="835244" y="0"/>
                </a:moveTo>
                <a:lnTo>
                  <a:pt x="1682492" y="0"/>
                </a:lnTo>
                <a:lnTo>
                  <a:pt x="1682492" y="847248"/>
                </a:lnTo>
                <a:lnTo>
                  <a:pt x="1681960" y="847248"/>
                </a:lnTo>
                <a:lnTo>
                  <a:pt x="1681960" y="1682278"/>
                </a:lnTo>
                <a:lnTo>
                  <a:pt x="834712" y="1682278"/>
                </a:lnTo>
                <a:lnTo>
                  <a:pt x="834712" y="847564"/>
                </a:lnTo>
                <a:lnTo>
                  <a:pt x="0" y="847564"/>
                </a:lnTo>
                <a:lnTo>
                  <a:pt x="0" y="316"/>
                </a:lnTo>
                <a:lnTo>
                  <a:pt x="835244" y="316"/>
                </a:lnTo>
                <a:close/>
              </a:path>
            </a:pathLst>
          </a:custGeom>
          <a:solidFill>
            <a:srgbClr val="FCDAD9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42" name="Espace réservé du texte 18">
            <a:extLst>
              <a:ext uri="{FF2B5EF4-FFF2-40B4-BE49-F238E27FC236}">
                <a16:creationId xmlns:a16="http://schemas.microsoft.com/office/drawing/2014/main" id="{85C3A055-8F22-B8CD-F34E-656E79B6699E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4595410" y="2118303"/>
            <a:ext cx="2132707" cy="1354025"/>
          </a:xfrm>
          <a:noFill/>
        </p:spPr>
        <p:txBody>
          <a:bodyPr/>
          <a:lstStyle>
            <a:lvl1pPr marL="0">
              <a:lnSpc>
                <a:spcPct val="101000"/>
              </a:lnSpc>
              <a:spcAft>
                <a:spcPts val="0"/>
              </a:spcAft>
              <a:defRPr sz="800" i="1">
                <a:solidFill>
                  <a:schemeClr val="accent4"/>
                </a:solidFill>
              </a:defRPr>
            </a:lvl1pPr>
            <a:lvl2pPr marL="0" indent="0">
              <a:lnSpc>
                <a:spcPct val="90000"/>
              </a:lnSpc>
              <a:spcBef>
                <a:spcPts val="150"/>
              </a:spcBef>
              <a:spcAft>
                <a:spcPts val="0"/>
              </a:spcAft>
              <a:buNone/>
              <a:defRPr sz="1295" b="1">
                <a:solidFill>
                  <a:schemeClr val="accent3"/>
                </a:solidFill>
              </a:defRPr>
            </a:lvl2pPr>
            <a:lvl3pPr marL="0" indent="0">
              <a:lnSpc>
                <a:spcPct val="90000"/>
              </a:lnSpc>
              <a:spcAft>
                <a:spcPts val="0"/>
              </a:spcAft>
              <a:buFont typeface="Arial" panose="020B0604020202020204" pitchFamily="34" charset="0"/>
              <a:buNone/>
              <a:defRPr sz="1000">
                <a:solidFill>
                  <a:schemeClr val="accent2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3pPr>
            <a:lvl4pPr marL="0">
              <a:lnSpc>
                <a:spcPct val="90000"/>
              </a:lnSpc>
              <a:spcAft>
                <a:spcPts val="100"/>
              </a:spcAft>
              <a:defRPr sz="1295" b="1" i="0">
                <a:solidFill>
                  <a:schemeClr val="accent2"/>
                </a:solidFill>
              </a:defRPr>
            </a:lvl4pPr>
            <a:lvl5pPr marL="0">
              <a:lnSpc>
                <a:spcPct val="96000"/>
              </a:lnSpc>
              <a:spcAft>
                <a:spcPts val="0"/>
              </a:spcAft>
              <a:defRPr sz="625">
                <a:solidFill>
                  <a:schemeClr val="accent2"/>
                </a:solidFill>
              </a:defRPr>
            </a:lvl5pPr>
          </a:lstStyle>
          <a:p>
            <a:pPr lvl="0"/>
            <a:r>
              <a:rPr lang="en-US"/>
              <a:t>Page X</a:t>
            </a:r>
          </a:p>
          <a:p>
            <a:pPr lvl="1"/>
            <a:r>
              <a:rPr lang="en-US"/>
              <a:t>Title 1</a:t>
            </a:r>
          </a:p>
          <a:p>
            <a:pPr lvl="2"/>
            <a:r>
              <a:rPr lang="fr-FR" err="1"/>
              <a:t>Text</a:t>
            </a:r>
            <a:endParaRPr lang="fr-FR"/>
          </a:p>
          <a:p>
            <a:pPr marL="0" marR="0" lvl="0" indent="0" algn="l" defTabSz="4572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1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lang="en-US"/>
          </a:p>
          <a:p>
            <a:pPr marL="0" marR="0" lvl="0" indent="0" algn="l" defTabSz="4572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1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lang="en-US"/>
          </a:p>
          <a:p>
            <a:pPr marL="0" marR="0" lvl="0" indent="0" algn="l" defTabSz="4572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1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Page X</a:t>
            </a:r>
          </a:p>
          <a:p>
            <a:pPr lvl="3"/>
            <a:r>
              <a:rPr lang="en-US"/>
              <a:t>Title 2</a:t>
            </a:r>
          </a:p>
          <a:p>
            <a:pPr lvl="2"/>
            <a:r>
              <a:rPr lang="en-US"/>
              <a:t>Text</a:t>
            </a:r>
          </a:p>
          <a:p>
            <a:pPr lvl="4"/>
            <a:endParaRPr lang="fr-FR"/>
          </a:p>
          <a:p>
            <a:pPr lvl="4"/>
            <a:r>
              <a:rPr lang="fr-FR" err="1"/>
              <a:t>Subtext</a:t>
            </a:r>
            <a:endParaRPr lang="fr-FR"/>
          </a:p>
        </p:txBody>
      </p:sp>
      <p:sp>
        <p:nvSpPr>
          <p:cNvPr id="43" name="Espace réservé du texte 18">
            <a:extLst>
              <a:ext uri="{FF2B5EF4-FFF2-40B4-BE49-F238E27FC236}">
                <a16:creationId xmlns:a16="http://schemas.microsoft.com/office/drawing/2014/main" id="{DCD867D1-B104-9E3B-B9F3-08FAD455014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95410" y="1674640"/>
            <a:ext cx="2930640" cy="310085"/>
          </a:xfrm>
          <a:noFill/>
        </p:spPr>
        <p:txBody>
          <a:bodyPr/>
          <a:lstStyle>
            <a:lvl1pPr marL="0">
              <a:lnSpc>
                <a:spcPct val="101000"/>
              </a:lnSpc>
              <a:spcAft>
                <a:spcPts val="0"/>
              </a:spcAft>
              <a:defRPr sz="2000">
                <a:solidFill>
                  <a:schemeClr val="accent4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1pPr>
            <a:lvl2pPr marL="0" indent="0">
              <a:lnSpc>
                <a:spcPct val="90000"/>
              </a:lnSpc>
              <a:spcBef>
                <a:spcPts val="150"/>
              </a:spcBef>
              <a:spcAft>
                <a:spcPts val="0"/>
              </a:spcAft>
              <a:buNone/>
              <a:defRPr sz="1295" b="1">
                <a:solidFill>
                  <a:schemeClr val="accent2"/>
                </a:solidFill>
              </a:defRPr>
            </a:lvl2pPr>
            <a:lvl3pPr marL="0" indent="0">
              <a:lnSpc>
                <a:spcPct val="90000"/>
              </a:lnSpc>
              <a:spcAft>
                <a:spcPts val="0"/>
              </a:spcAft>
              <a:buFont typeface="Arial" panose="020B0604020202020204" pitchFamily="34" charset="0"/>
              <a:buNone/>
              <a:defRPr sz="1000">
                <a:solidFill>
                  <a:schemeClr val="accent2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3pPr>
            <a:lvl4pPr marL="0">
              <a:lnSpc>
                <a:spcPct val="90000"/>
              </a:lnSpc>
              <a:spcAft>
                <a:spcPts val="100"/>
              </a:spcAft>
              <a:defRPr sz="625" b="0" i="1">
                <a:solidFill>
                  <a:schemeClr val="accent4"/>
                </a:solidFill>
              </a:defRPr>
            </a:lvl4pPr>
          </a:lstStyle>
          <a:p>
            <a:pPr lvl="0"/>
            <a:r>
              <a:rPr lang="fr-FR" err="1"/>
              <a:t>Heading</a:t>
            </a:r>
            <a:endParaRPr lang="fr-FR"/>
          </a:p>
        </p:txBody>
      </p:sp>
      <p:sp>
        <p:nvSpPr>
          <p:cNvPr id="44" name="Espace réservé du texte 18">
            <a:extLst>
              <a:ext uri="{FF2B5EF4-FFF2-40B4-BE49-F238E27FC236}">
                <a16:creationId xmlns:a16="http://schemas.microsoft.com/office/drawing/2014/main" id="{9725A80B-C583-8AE5-CBC7-91FC603091A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8547625" y="1674640"/>
            <a:ext cx="2930640" cy="310085"/>
          </a:xfrm>
          <a:noFill/>
        </p:spPr>
        <p:txBody>
          <a:bodyPr/>
          <a:lstStyle>
            <a:lvl1pPr marL="0">
              <a:lnSpc>
                <a:spcPct val="101000"/>
              </a:lnSpc>
              <a:spcAft>
                <a:spcPts val="0"/>
              </a:spcAft>
              <a:defRPr sz="2000">
                <a:solidFill>
                  <a:schemeClr val="accent4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1pPr>
            <a:lvl2pPr marL="0" indent="0">
              <a:lnSpc>
                <a:spcPct val="90000"/>
              </a:lnSpc>
              <a:spcBef>
                <a:spcPts val="150"/>
              </a:spcBef>
              <a:spcAft>
                <a:spcPts val="0"/>
              </a:spcAft>
              <a:buNone/>
              <a:defRPr sz="1295" b="1">
                <a:solidFill>
                  <a:schemeClr val="accent2"/>
                </a:solidFill>
              </a:defRPr>
            </a:lvl2pPr>
            <a:lvl3pPr marL="0" indent="0">
              <a:lnSpc>
                <a:spcPct val="90000"/>
              </a:lnSpc>
              <a:spcAft>
                <a:spcPts val="0"/>
              </a:spcAft>
              <a:buFont typeface="Arial" panose="020B0604020202020204" pitchFamily="34" charset="0"/>
              <a:buNone/>
              <a:defRPr sz="1000">
                <a:solidFill>
                  <a:schemeClr val="accent2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3pPr>
            <a:lvl4pPr marL="0">
              <a:lnSpc>
                <a:spcPct val="90000"/>
              </a:lnSpc>
              <a:spcAft>
                <a:spcPts val="100"/>
              </a:spcAft>
              <a:defRPr sz="625" b="0" i="1">
                <a:solidFill>
                  <a:schemeClr val="accent4"/>
                </a:solidFill>
              </a:defRPr>
            </a:lvl4pPr>
          </a:lstStyle>
          <a:p>
            <a:pPr lvl="0"/>
            <a:r>
              <a:rPr lang="fr-FR" err="1"/>
              <a:t>Heading</a:t>
            </a:r>
            <a:endParaRPr lang="fr-FR"/>
          </a:p>
        </p:txBody>
      </p:sp>
      <p:sp>
        <p:nvSpPr>
          <p:cNvPr id="46" name="Espace réservé du texte 18">
            <a:extLst>
              <a:ext uri="{FF2B5EF4-FFF2-40B4-BE49-F238E27FC236}">
                <a16:creationId xmlns:a16="http://schemas.microsoft.com/office/drawing/2014/main" id="{1244140F-ECEF-F472-0827-E64B552591D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547625" y="2118303"/>
            <a:ext cx="2132707" cy="1476045"/>
          </a:xfrm>
          <a:noFill/>
        </p:spPr>
        <p:txBody>
          <a:bodyPr/>
          <a:lstStyle>
            <a:lvl1pPr marL="0">
              <a:lnSpc>
                <a:spcPct val="101000"/>
              </a:lnSpc>
              <a:spcAft>
                <a:spcPts val="0"/>
              </a:spcAft>
              <a:defRPr sz="800" i="1">
                <a:solidFill>
                  <a:schemeClr val="accent4"/>
                </a:solidFill>
              </a:defRPr>
            </a:lvl1pPr>
            <a:lvl2pPr marL="0" indent="0">
              <a:lnSpc>
                <a:spcPct val="90000"/>
              </a:lnSpc>
              <a:spcBef>
                <a:spcPts val="150"/>
              </a:spcBef>
              <a:spcAft>
                <a:spcPts val="0"/>
              </a:spcAft>
              <a:buNone/>
              <a:defRPr sz="1295" b="1">
                <a:solidFill>
                  <a:schemeClr val="accent3"/>
                </a:solidFill>
              </a:defRPr>
            </a:lvl2pPr>
            <a:lvl3pPr marL="0" indent="0">
              <a:lnSpc>
                <a:spcPct val="90000"/>
              </a:lnSpc>
              <a:spcAft>
                <a:spcPts val="0"/>
              </a:spcAft>
              <a:buFont typeface="Arial" panose="020B0604020202020204" pitchFamily="34" charset="0"/>
              <a:buNone/>
              <a:defRPr sz="1000">
                <a:solidFill>
                  <a:schemeClr val="accent2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3pPr>
            <a:lvl4pPr marL="0">
              <a:lnSpc>
                <a:spcPct val="90000"/>
              </a:lnSpc>
              <a:spcAft>
                <a:spcPts val="100"/>
              </a:spcAft>
              <a:defRPr sz="1295" b="1" i="0">
                <a:solidFill>
                  <a:schemeClr val="accent2"/>
                </a:solidFill>
              </a:defRPr>
            </a:lvl4pPr>
            <a:lvl5pPr marL="0">
              <a:lnSpc>
                <a:spcPct val="96000"/>
              </a:lnSpc>
              <a:spcAft>
                <a:spcPts val="0"/>
              </a:spcAft>
              <a:defRPr sz="625">
                <a:solidFill>
                  <a:schemeClr val="accent2"/>
                </a:solidFill>
              </a:defRPr>
            </a:lvl5pPr>
          </a:lstStyle>
          <a:p>
            <a:pPr lvl="0"/>
            <a:r>
              <a:rPr lang="en-US"/>
              <a:t>Page X</a:t>
            </a:r>
          </a:p>
          <a:p>
            <a:pPr lvl="1"/>
            <a:r>
              <a:rPr lang="en-US"/>
              <a:t>Title 1</a:t>
            </a:r>
          </a:p>
          <a:p>
            <a:pPr lvl="2"/>
            <a:r>
              <a:rPr lang="fr-FR" err="1"/>
              <a:t>Text</a:t>
            </a:r>
            <a:endParaRPr lang="fr-FR"/>
          </a:p>
          <a:p>
            <a:pPr marL="0" marR="0" lvl="0" indent="0" algn="l" defTabSz="4572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1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lang="en-US"/>
          </a:p>
          <a:p>
            <a:pPr marL="0" marR="0" lvl="0" indent="0" algn="l" defTabSz="4572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1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lang="en-US"/>
          </a:p>
          <a:p>
            <a:pPr marL="0" marR="0" lvl="0" indent="0" algn="l" defTabSz="4572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1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Page X</a:t>
            </a:r>
          </a:p>
          <a:p>
            <a:pPr lvl="3"/>
            <a:r>
              <a:rPr lang="en-US"/>
              <a:t>Title 2</a:t>
            </a:r>
          </a:p>
          <a:p>
            <a:pPr lvl="2"/>
            <a:r>
              <a:rPr lang="en-US"/>
              <a:t>Text</a:t>
            </a:r>
          </a:p>
          <a:p>
            <a:pPr lvl="4"/>
            <a:endParaRPr lang="fr-FR"/>
          </a:p>
          <a:p>
            <a:pPr lvl="4"/>
            <a:r>
              <a:rPr lang="fr-FR" err="1"/>
              <a:t>Subtext</a:t>
            </a:r>
            <a:endParaRPr lang="fr-FR"/>
          </a:p>
          <a:p>
            <a:pPr lvl="0"/>
            <a:endParaRPr lang="fr-FR"/>
          </a:p>
        </p:txBody>
      </p:sp>
      <p:sp>
        <p:nvSpPr>
          <p:cNvPr id="3" name="Espace réservé du pied de page 2">
            <a:extLst>
              <a:ext uri="{FF2B5EF4-FFF2-40B4-BE49-F238E27FC236}">
                <a16:creationId xmlns:a16="http://schemas.microsoft.com/office/drawing/2014/main" id="{EDA8A95C-571A-5153-469B-9094CAD542F2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/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87624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Graphique 15">
            <a:extLst>
              <a:ext uri="{FF2B5EF4-FFF2-40B4-BE49-F238E27FC236}">
                <a16:creationId xmlns:a16="http://schemas.microsoft.com/office/drawing/2014/main" id="{86DC8875-A4D3-A508-9041-474C7BC1AB7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1786"/>
            <a:ext cx="12192000" cy="6854428"/>
          </a:xfrm>
          <a:prstGeom prst="rect">
            <a:avLst/>
          </a:prstGeom>
        </p:spPr>
      </p:pic>
      <p:sp>
        <p:nvSpPr>
          <p:cNvPr id="7" name="Sous-titre 2">
            <a:extLst>
              <a:ext uri="{FF2B5EF4-FFF2-40B4-BE49-F238E27FC236}">
                <a16:creationId xmlns:a16="http://schemas.microsoft.com/office/drawing/2014/main" id="{2D3F638A-C778-60CE-8976-428669F5B0F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85265" y="2596860"/>
            <a:ext cx="9319285" cy="1872307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lang="fr-FR" sz="14600" b="0" kern="1200" smtClean="0">
                <a:ln w="21590">
                  <a:noFill/>
                </a:ln>
                <a:solidFill>
                  <a:schemeClr val="accent3"/>
                </a:solidFill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  <a:lvl2pPr marL="228600" indent="0" algn="ctr">
              <a:buNone/>
              <a:defRPr sz="1000"/>
            </a:lvl2pPr>
            <a:lvl3pPr marL="457200" indent="0" algn="ctr">
              <a:buNone/>
              <a:defRPr sz="900"/>
            </a:lvl3pPr>
            <a:lvl4pPr marL="685800" indent="0" algn="ctr">
              <a:buNone/>
              <a:defRPr sz="800"/>
            </a:lvl4pPr>
            <a:lvl5pPr marL="914400" indent="0" algn="ctr">
              <a:buNone/>
              <a:defRPr sz="800"/>
            </a:lvl5pPr>
            <a:lvl6pPr marL="1143000" indent="0" algn="ctr">
              <a:buNone/>
              <a:defRPr sz="800"/>
            </a:lvl6pPr>
            <a:lvl7pPr marL="1371600" indent="0" algn="ctr">
              <a:buNone/>
              <a:defRPr sz="800"/>
            </a:lvl7pPr>
            <a:lvl8pPr marL="1600200" indent="0" algn="ctr">
              <a:buNone/>
              <a:defRPr sz="800"/>
            </a:lvl8pPr>
            <a:lvl9pPr marL="1828800" indent="0" algn="ctr">
              <a:buNone/>
              <a:defRPr sz="800"/>
            </a:lvl9pPr>
          </a:lstStyle>
          <a:p>
            <a:r>
              <a:rPr lang="fr-FR" err="1"/>
              <a:t>Chapter</a:t>
            </a:r>
            <a:endParaRPr lang="fr-FR"/>
          </a:p>
        </p:txBody>
      </p:sp>
      <p:sp>
        <p:nvSpPr>
          <p:cNvPr id="14" name="Espace réservé du texte 18">
            <a:extLst>
              <a:ext uri="{FF2B5EF4-FFF2-40B4-BE49-F238E27FC236}">
                <a16:creationId xmlns:a16="http://schemas.microsoft.com/office/drawing/2014/main" id="{2D697BD6-8D95-379B-E4B6-B566C234EFA5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968379" y="1264094"/>
            <a:ext cx="5159092" cy="1041952"/>
          </a:xfrm>
          <a:noFill/>
        </p:spPr>
        <p:txBody>
          <a:bodyPr/>
          <a:lstStyle>
            <a:lvl1pPr marL="0">
              <a:lnSpc>
                <a:spcPct val="88000"/>
              </a:lnSpc>
              <a:spcAft>
                <a:spcPts val="0"/>
              </a:spcAft>
              <a:defRPr sz="2500">
                <a:solidFill>
                  <a:srgbClr val="F5908D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1pPr>
            <a:lvl2pPr marL="0" indent="0">
              <a:lnSpc>
                <a:spcPct val="90000"/>
              </a:lnSpc>
              <a:spcBef>
                <a:spcPts val="150"/>
              </a:spcBef>
              <a:spcAft>
                <a:spcPts val="0"/>
              </a:spcAft>
              <a:buNone/>
              <a:defRPr sz="1295" b="1">
                <a:solidFill>
                  <a:schemeClr val="accent2"/>
                </a:solidFill>
              </a:defRPr>
            </a:lvl2pPr>
            <a:lvl3pPr marL="0" indent="0">
              <a:lnSpc>
                <a:spcPct val="90000"/>
              </a:lnSpc>
              <a:spcAft>
                <a:spcPts val="0"/>
              </a:spcAft>
              <a:buFont typeface="Arial" panose="020B0604020202020204" pitchFamily="34" charset="0"/>
              <a:buNone/>
              <a:defRPr sz="1000">
                <a:solidFill>
                  <a:schemeClr val="accent2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3pPr>
            <a:lvl4pPr marL="0">
              <a:lnSpc>
                <a:spcPct val="90000"/>
              </a:lnSpc>
              <a:spcAft>
                <a:spcPts val="100"/>
              </a:spcAft>
              <a:defRPr sz="625" b="0" i="1">
                <a:solidFill>
                  <a:schemeClr val="accent4"/>
                </a:solidFill>
              </a:defRPr>
            </a:lvl4pPr>
          </a:lstStyle>
          <a:p>
            <a:pPr lvl="0"/>
            <a:r>
              <a:rPr lang="fr-FR" err="1"/>
              <a:t>subtitle</a:t>
            </a:r>
            <a:r>
              <a:rPr lang="fr-FR"/>
              <a:t>. </a:t>
            </a:r>
            <a:r>
              <a:rPr lang="fr-FR" err="1"/>
              <a:t>lorem</a:t>
            </a:r>
            <a:r>
              <a:rPr lang="fr-FR"/>
              <a:t> ipsum</a:t>
            </a:r>
          </a:p>
          <a:p>
            <a:pPr lvl="0"/>
            <a:r>
              <a:rPr lang="fr-FR" err="1"/>
              <a:t>sit</a:t>
            </a:r>
            <a:r>
              <a:rPr lang="fr-FR"/>
              <a:t> </a:t>
            </a:r>
            <a:r>
              <a:rPr lang="fr-FR" err="1"/>
              <a:t>amet</a:t>
            </a:r>
            <a:r>
              <a:rPr lang="fr-FR"/>
              <a:t> </a:t>
            </a:r>
            <a:r>
              <a:rPr lang="fr-FR" err="1"/>
              <a:t>consectetuer</a:t>
            </a:r>
            <a:endParaRPr lang="fr-FR"/>
          </a:p>
          <a:p>
            <a:pPr lvl="0"/>
            <a:r>
              <a:rPr lang="fr-FR" err="1"/>
              <a:t>adipiscing</a:t>
            </a:r>
            <a:r>
              <a:rPr lang="fr-FR"/>
              <a:t> </a:t>
            </a:r>
            <a:r>
              <a:rPr lang="fr-FR" err="1"/>
              <a:t>elit</a:t>
            </a:r>
            <a:r>
              <a:rPr lang="fr-FR"/>
              <a:t> </a:t>
            </a:r>
            <a:r>
              <a:rPr lang="fr-FR" err="1"/>
              <a:t>sed</a:t>
            </a:r>
            <a:r>
              <a:rPr lang="fr-FR"/>
              <a:t> diam</a:t>
            </a:r>
          </a:p>
        </p:txBody>
      </p:sp>
      <p:sp>
        <p:nvSpPr>
          <p:cNvPr id="20" name="Espace réservé du texte 18">
            <a:extLst>
              <a:ext uri="{FF2B5EF4-FFF2-40B4-BE49-F238E27FC236}">
                <a16:creationId xmlns:a16="http://schemas.microsoft.com/office/drawing/2014/main" id="{5F80266B-85E9-2E42-F6E5-96F0F41C7D9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8392503" y="3981460"/>
            <a:ext cx="3146695" cy="3073918"/>
          </a:xfrm>
        </p:spPr>
        <p:txBody>
          <a:bodyPr vert="horz" wrap="none" lIns="0" tIns="0" rIns="0" bIns="0" rtlCol="0">
            <a:spAutoFit/>
          </a:bodyPr>
          <a:lstStyle>
            <a:lvl1pPr>
              <a:defRPr lang="fr-FR" sz="23500" b="0">
                <a:ln w="25400">
                  <a:solidFill>
                    <a:srgbClr val="F5908D"/>
                  </a:solidFill>
                </a:ln>
                <a:noFill/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</a:lstStyle>
          <a:p>
            <a:pPr lvl="0" algn="r">
              <a:lnSpc>
                <a:spcPct val="80000"/>
              </a:lnSpc>
              <a:spcAft>
                <a:spcPts val="0"/>
              </a:spcAft>
            </a:pPr>
            <a:r>
              <a:rPr lang="fr-FR"/>
              <a:t>01</a:t>
            </a:r>
          </a:p>
        </p:txBody>
      </p:sp>
      <p:grpSp>
        <p:nvGrpSpPr>
          <p:cNvPr id="2" name="Groupe 1">
            <a:extLst>
              <a:ext uri="{FF2B5EF4-FFF2-40B4-BE49-F238E27FC236}">
                <a16:creationId xmlns:a16="http://schemas.microsoft.com/office/drawing/2014/main" id="{77D7C083-0216-D56F-CC5E-BBF1163C6A57}"/>
              </a:ext>
            </a:extLst>
          </p:cNvPr>
          <p:cNvGrpSpPr/>
          <p:nvPr userDrawn="1"/>
        </p:nvGrpSpPr>
        <p:grpSpPr>
          <a:xfrm>
            <a:off x="2968379" y="5127423"/>
            <a:ext cx="422797" cy="1735792"/>
            <a:chOff x="5889011" y="4181521"/>
            <a:chExt cx="423365" cy="3349809"/>
          </a:xfrm>
        </p:grpSpPr>
        <p:cxnSp>
          <p:nvCxnSpPr>
            <p:cNvPr id="3" name="Connecteur droit 2">
              <a:extLst>
                <a:ext uri="{FF2B5EF4-FFF2-40B4-BE49-F238E27FC236}">
                  <a16:creationId xmlns:a16="http://schemas.microsoft.com/office/drawing/2014/main" id="{4E0F42CB-A287-EBE4-5E0E-CD734EDA394D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171255" y="4543833"/>
              <a:ext cx="0" cy="2987497"/>
            </a:xfrm>
            <a:prstGeom prst="line">
              <a:avLst/>
            </a:prstGeom>
            <a:ln w="76200">
              <a:solidFill>
                <a:srgbClr val="58DAC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" name="Connecteur droit 3">
              <a:extLst>
                <a:ext uri="{FF2B5EF4-FFF2-40B4-BE49-F238E27FC236}">
                  <a16:creationId xmlns:a16="http://schemas.microsoft.com/office/drawing/2014/main" id="{7F367953-7559-6DD1-65E6-E0998AE6B55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030133" y="4878892"/>
              <a:ext cx="0" cy="2652437"/>
            </a:xfrm>
            <a:prstGeom prst="line">
              <a:avLst/>
            </a:prstGeom>
            <a:ln w="76200">
              <a:solidFill>
                <a:schemeClr val="bg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" name="Connecteur droit 4">
              <a:extLst>
                <a:ext uri="{FF2B5EF4-FFF2-40B4-BE49-F238E27FC236}">
                  <a16:creationId xmlns:a16="http://schemas.microsoft.com/office/drawing/2014/main" id="{001A79EA-0945-41AA-9F1F-5F16F76B4673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312376" y="4181521"/>
              <a:ext cx="0" cy="3349809"/>
            </a:xfrm>
            <a:prstGeom prst="line">
              <a:avLst/>
            </a:prstGeom>
            <a:ln w="76200">
              <a:solidFill>
                <a:schemeClr val="bg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" name="Connecteur droit 5">
              <a:extLst>
                <a:ext uri="{FF2B5EF4-FFF2-40B4-BE49-F238E27FC236}">
                  <a16:creationId xmlns:a16="http://schemas.microsoft.com/office/drawing/2014/main" id="{AA620926-08C7-09E4-36A7-95A461DE77E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5889011" y="5501096"/>
              <a:ext cx="0" cy="2030234"/>
            </a:xfrm>
            <a:prstGeom prst="line">
              <a:avLst/>
            </a:prstGeom>
            <a:ln w="76200">
              <a:solidFill>
                <a:srgbClr val="58DAC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8" name="Espace réservé du numéro de diapositive 7">
            <a:extLst>
              <a:ext uri="{FF2B5EF4-FFF2-40B4-BE49-F238E27FC236}">
                <a16:creationId xmlns:a16="http://schemas.microsoft.com/office/drawing/2014/main" id="{B7255653-A3A2-E5FA-05B8-E76E60F32945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9" name="Espace réservé du pied de page 8">
            <a:extLst>
              <a:ext uri="{FF2B5EF4-FFF2-40B4-BE49-F238E27FC236}">
                <a16:creationId xmlns:a16="http://schemas.microsoft.com/office/drawing/2014/main" id="{986D0B96-5F20-A3DD-7ECA-854DD173CC53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0008748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Graphique 15">
            <a:extLst>
              <a:ext uri="{FF2B5EF4-FFF2-40B4-BE49-F238E27FC236}">
                <a16:creationId xmlns:a16="http://schemas.microsoft.com/office/drawing/2014/main" id="{86DC8875-A4D3-A508-9041-474C7BC1AB7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1786"/>
            <a:ext cx="12192000" cy="6854428"/>
          </a:xfrm>
          <a:prstGeom prst="rect">
            <a:avLst/>
          </a:prstGeom>
        </p:spPr>
      </p:pic>
      <p:sp>
        <p:nvSpPr>
          <p:cNvPr id="7" name="Sous-titre 2">
            <a:extLst>
              <a:ext uri="{FF2B5EF4-FFF2-40B4-BE49-F238E27FC236}">
                <a16:creationId xmlns:a16="http://schemas.microsoft.com/office/drawing/2014/main" id="{2D3F638A-C778-60CE-8976-428669F5B0F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82744" y="2594441"/>
            <a:ext cx="9447757" cy="1872307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lang="fr-FR" sz="14600" b="0" kern="1200" smtClean="0">
                <a:ln w="21590">
                  <a:noFill/>
                </a:ln>
                <a:solidFill>
                  <a:srgbClr val="F5908D"/>
                </a:solidFill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  <a:lvl2pPr marL="228600" indent="0" algn="ctr">
              <a:buNone/>
              <a:defRPr sz="1000"/>
            </a:lvl2pPr>
            <a:lvl3pPr marL="457200" indent="0" algn="ctr">
              <a:buNone/>
              <a:defRPr sz="900"/>
            </a:lvl3pPr>
            <a:lvl4pPr marL="685800" indent="0" algn="ctr">
              <a:buNone/>
              <a:defRPr sz="800"/>
            </a:lvl4pPr>
            <a:lvl5pPr marL="914400" indent="0" algn="ctr">
              <a:buNone/>
              <a:defRPr sz="800"/>
            </a:lvl5pPr>
            <a:lvl6pPr marL="1143000" indent="0" algn="ctr">
              <a:buNone/>
              <a:defRPr sz="800"/>
            </a:lvl6pPr>
            <a:lvl7pPr marL="1371600" indent="0" algn="ctr">
              <a:buNone/>
              <a:defRPr sz="800"/>
            </a:lvl7pPr>
            <a:lvl8pPr marL="1600200" indent="0" algn="ctr">
              <a:buNone/>
              <a:defRPr sz="800"/>
            </a:lvl8pPr>
            <a:lvl9pPr marL="1828800" indent="0" algn="ctr">
              <a:buNone/>
              <a:defRPr sz="800"/>
            </a:lvl9pPr>
          </a:lstStyle>
          <a:p>
            <a:r>
              <a:rPr lang="fr-FR" err="1"/>
              <a:t>Chapter</a:t>
            </a:r>
            <a:endParaRPr lang="fr-FR"/>
          </a:p>
        </p:txBody>
      </p:sp>
      <p:sp>
        <p:nvSpPr>
          <p:cNvPr id="14" name="Espace réservé du texte 18">
            <a:extLst>
              <a:ext uri="{FF2B5EF4-FFF2-40B4-BE49-F238E27FC236}">
                <a16:creationId xmlns:a16="http://schemas.microsoft.com/office/drawing/2014/main" id="{2D697BD6-8D95-379B-E4B6-B566C234EFA5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968379" y="1264094"/>
            <a:ext cx="5159092" cy="1041952"/>
          </a:xfrm>
          <a:noFill/>
        </p:spPr>
        <p:txBody>
          <a:bodyPr/>
          <a:lstStyle>
            <a:lvl1pPr marL="0">
              <a:lnSpc>
                <a:spcPct val="88000"/>
              </a:lnSpc>
              <a:spcAft>
                <a:spcPts val="0"/>
              </a:spcAft>
              <a:defRPr sz="2500">
                <a:solidFill>
                  <a:srgbClr val="91A0CC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1pPr>
            <a:lvl2pPr marL="0" indent="0">
              <a:lnSpc>
                <a:spcPct val="90000"/>
              </a:lnSpc>
              <a:spcBef>
                <a:spcPts val="150"/>
              </a:spcBef>
              <a:spcAft>
                <a:spcPts val="0"/>
              </a:spcAft>
              <a:buNone/>
              <a:defRPr sz="1295" b="1">
                <a:solidFill>
                  <a:schemeClr val="accent2"/>
                </a:solidFill>
              </a:defRPr>
            </a:lvl2pPr>
            <a:lvl3pPr marL="0" indent="0">
              <a:lnSpc>
                <a:spcPct val="90000"/>
              </a:lnSpc>
              <a:spcAft>
                <a:spcPts val="0"/>
              </a:spcAft>
              <a:buFont typeface="Arial" panose="020B0604020202020204" pitchFamily="34" charset="0"/>
              <a:buNone/>
              <a:defRPr sz="1000">
                <a:solidFill>
                  <a:schemeClr val="accent2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3pPr>
            <a:lvl4pPr marL="0">
              <a:lnSpc>
                <a:spcPct val="90000"/>
              </a:lnSpc>
              <a:spcAft>
                <a:spcPts val="100"/>
              </a:spcAft>
              <a:defRPr sz="625" b="0" i="1">
                <a:solidFill>
                  <a:schemeClr val="accent4"/>
                </a:solidFill>
              </a:defRPr>
            </a:lvl4pPr>
          </a:lstStyle>
          <a:p>
            <a:pPr lvl="0"/>
            <a:r>
              <a:rPr lang="fr-FR"/>
              <a:t>subtitle. lorem ipsum</a:t>
            </a:r>
          </a:p>
          <a:p>
            <a:pPr lvl="0"/>
            <a:r>
              <a:rPr lang="fr-FR"/>
              <a:t>sit amet consectetuer</a:t>
            </a:r>
          </a:p>
          <a:p>
            <a:pPr lvl="0"/>
            <a:r>
              <a:rPr lang="fr-FR"/>
              <a:t>adipiscing elit sed diam</a:t>
            </a:r>
          </a:p>
        </p:txBody>
      </p:sp>
      <p:sp>
        <p:nvSpPr>
          <p:cNvPr id="2" name="Espace réservé du texte 18">
            <a:extLst>
              <a:ext uri="{FF2B5EF4-FFF2-40B4-BE49-F238E27FC236}">
                <a16:creationId xmlns:a16="http://schemas.microsoft.com/office/drawing/2014/main" id="{287EF89D-4BE9-E9D3-3AA1-6FF8B5C374F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844276" y="3981460"/>
            <a:ext cx="3694922" cy="3073918"/>
          </a:xfrm>
        </p:spPr>
        <p:txBody>
          <a:bodyPr vert="horz" wrap="none" lIns="0" tIns="0" rIns="0" bIns="0" rtlCol="0">
            <a:spAutoFit/>
          </a:bodyPr>
          <a:lstStyle>
            <a:lvl1pPr>
              <a:defRPr lang="fr-FR" sz="23500" b="0">
                <a:ln w="25400">
                  <a:solidFill>
                    <a:srgbClr val="5A70B3"/>
                  </a:solidFill>
                </a:ln>
                <a:noFill/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</a:lstStyle>
          <a:p>
            <a:pPr lvl="0" algn="r">
              <a:lnSpc>
                <a:spcPct val="80000"/>
              </a:lnSpc>
              <a:spcAft>
                <a:spcPts val="0"/>
              </a:spcAft>
            </a:pPr>
            <a:r>
              <a:rPr lang="fr-FR"/>
              <a:t>02</a:t>
            </a:r>
          </a:p>
        </p:txBody>
      </p:sp>
      <p:grpSp>
        <p:nvGrpSpPr>
          <p:cNvPr id="3" name="Groupe 2">
            <a:extLst>
              <a:ext uri="{FF2B5EF4-FFF2-40B4-BE49-F238E27FC236}">
                <a16:creationId xmlns:a16="http://schemas.microsoft.com/office/drawing/2014/main" id="{16B0F801-A844-A009-1B16-1E78E2F9A313}"/>
              </a:ext>
            </a:extLst>
          </p:cNvPr>
          <p:cNvGrpSpPr/>
          <p:nvPr userDrawn="1"/>
        </p:nvGrpSpPr>
        <p:grpSpPr>
          <a:xfrm>
            <a:off x="2968379" y="5127423"/>
            <a:ext cx="422797" cy="1739685"/>
            <a:chOff x="5889011" y="4181521"/>
            <a:chExt cx="423365" cy="3436620"/>
          </a:xfrm>
        </p:grpSpPr>
        <p:cxnSp>
          <p:nvCxnSpPr>
            <p:cNvPr id="4" name="Connecteur droit 3">
              <a:extLst>
                <a:ext uri="{FF2B5EF4-FFF2-40B4-BE49-F238E27FC236}">
                  <a16:creationId xmlns:a16="http://schemas.microsoft.com/office/drawing/2014/main" id="{C7AB969A-6C06-3546-8218-1EC08FD8B50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171255" y="4543833"/>
              <a:ext cx="0" cy="3074308"/>
            </a:xfrm>
            <a:prstGeom prst="line">
              <a:avLst/>
            </a:prstGeom>
            <a:ln w="76200">
              <a:solidFill>
                <a:srgbClr val="58DAC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" name="Connecteur droit 4">
              <a:extLst>
                <a:ext uri="{FF2B5EF4-FFF2-40B4-BE49-F238E27FC236}">
                  <a16:creationId xmlns:a16="http://schemas.microsoft.com/office/drawing/2014/main" id="{C7EE4E2E-1243-A40E-FC32-BEBECC601E28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030133" y="4878892"/>
              <a:ext cx="0" cy="2732383"/>
            </a:xfrm>
            <a:prstGeom prst="line">
              <a:avLst/>
            </a:prstGeom>
            <a:ln w="76200">
              <a:solidFill>
                <a:srgbClr val="F5908D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" name="Connecteur droit 5">
              <a:extLst>
                <a:ext uri="{FF2B5EF4-FFF2-40B4-BE49-F238E27FC236}">
                  <a16:creationId xmlns:a16="http://schemas.microsoft.com/office/drawing/2014/main" id="{267AE04D-D6B7-9C30-A04C-5515E248634B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312376" y="4181521"/>
              <a:ext cx="0" cy="3436620"/>
            </a:xfrm>
            <a:prstGeom prst="line">
              <a:avLst/>
            </a:prstGeom>
            <a:ln w="76200">
              <a:solidFill>
                <a:srgbClr val="F5908D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8" name="Connecteur droit 7">
              <a:extLst>
                <a:ext uri="{FF2B5EF4-FFF2-40B4-BE49-F238E27FC236}">
                  <a16:creationId xmlns:a16="http://schemas.microsoft.com/office/drawing/2014/main" id="{37D9A37A-2415-8216-EDE8-CDD7C3697A6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5889011" y="5501096"/>
              <a:ext cx="0" cy="2110179"/>
            </a:xfrm>
            <a:prstGeom prst="line">
              <a:avLst/>
            </a:prstGeom>
            <a:ln w="76200">
              <a:solidFill>
                <a:srgbClr val="58DAC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9" name="Espace réservé du numéro de diapositive 8">
            <a:extLst>
              <a:ext uri="{FF2B5EF4-FFF2-40B4-BE49-F238E27FC236}">
                <a16:creationId xmlns:a16="http://schemas.microsoft.com/office/drawing/2014/main" id="{A93B4A3F-B236-761D-E64B-1DDB9DFF420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10" name="Espace réservé du pied de page 9">
            <a:extLst>
              <a:ext uri="{FF2B5EF4-FFF2-40B4-BE49-F238E27FC236}">
                <a16:creationId xmlns:a16="http://schemas.microsoft.com/office/drawing/2014/main" id="{8E30A2CB-AFE8-9710-B55E-B62A99A46A3C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008515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3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Graphique 15">
            <a:extLst>
              <a:ext uri="{FF2B5EF4-FFF2-40B4-BE49-F238E27FC236}">
                <a16:creationId xmlns:a16="http://schemas.microsoft.com/office/drawing/2014/main" id="{86DC8875-A4D3-A508-9041-474C7BC1AB7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1786"/>
            <a:ext cx="12192000" cy="6854428"/>
          </a:xfrm>
          <a:prstGeom prst="rect">
            <a:avLst/>
          </a:prstGeom>
        </p:spPr>
      </p:pic>
      <p:sp>
        <p:nvSpPr>
          <p:cNvPr id="7" name="Sous-titre 2">
            <a:extLst>
              <a:ext uri="{FF2B5EF4-FFF2-40B4-BE49-F238E27FC236}">
                <a16:creationId xmlns:a16="http://schemas.microsoft.com/office/drawing/2014/main" id="{2D3F638A-C778-60CE-8976-428669F5B0F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81485" y="2596860"/>
            <a:ext cx="9364630" cy="1872307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lang="fr-FR" sz="14600" b="0" kern="1200" smtClean="0">
                <a:ln w="21590">
                  <a:noFill/>
                </a:ln>
                <a:solidFill>
                  <a:srgbClr val="91A0CC"/>
                </a:solidFill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  <a:lvl2pPr marL="228600" indent="0" algn="ctr">
              <a:buNone/>
              <a:defRPr sz="1000"/>
            </a:lvl2pPr>
            <a:lvl3pPr marL="457200" indent="0" algn="ctr">
              <a:buNone/>
              <a:defRPr sz="900"/>
            </a:lvl3pPr>
            <a:lvl4pPr marL="685800" indent="0" algn="ctr">
              <a:buNone/>
              <a:defRPr sz="800"/>
            </a:lvl4pPr>
            <a:lvl5pPr marL="914400" indent="0" algn="ctr">
              <a:buNone/>
              <a:defRPr sz="800"/>
            </a:lvl5pPr>
            <a:lvl6pPr marL="1143000" indent="0" algn="ctr">
              <a:buNone/>
              <a:defRPr sz="800"/>
            </a:lvl6pPr>
            <a:lvl7pPr marL="1371600" indent="0" algn="ctr">
              <a:buNone/>
              <a:defRPr sz="800"/>
            </a:lvl7pPr>
            <a:lvl8pPr marL="1600200" indent="0" algn="ctr">
              <a:buNone/>
              <a:defRPr sz="800"/>
            </a:lvl8pPr>
            <a:lvl9pPr marL="1828800" indent="0" algn="ctr">
              <a:buNone/>
              <a:defRPr sz="800"/>
            </a:lvl9pPr>
          </a:lstStyle>
          <a:p>
            <a:r>
              <a:rPr lang="fr-FR" err="1"/>
              <a:t>Chapter</a:t>
            </a:r>
            <a:endParaRPr lang="fr-FR"/>
          </a:p>
        </p:txBody>
      </p:sp>
      <p:sp>
        <p:nvSpPr>
          <p:cNvPr id="14" name="Espace réservé du texte 18">
            <a:extLst>
              <a:ext uri="{FF2B5EF4-FFF2-40B4-BE49-F238E27FC236}">
                <a16:creationId xmlns:a16="http://schemas.microsoft.com/office/drawing/2014/main" id="{2D697BD6-8D95-379B-E4B6-B566C234EFA5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968379" y="1264094"/>
            <a:ext cx="5159092" cy="1041952"/>
          </a:xfrm>
          <a:noFill/>
        </p:spPr>
        <p:txBody>
          <a:bodyPr/>
          <a:lstStyle>
            <a:lvl1pPr marL="0">
              <a:lnSpc>
                <a:spcPct val="88000"/>
              </a:lnSpc>
              <a:spcAft>
                <a:spcPts val="0"/>
              </a:spcAft>
              <a:defRPr sz="2500">
                <a:solidFill>
                  <a:srgbClr val="58DAC7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1pPr>
            <a:lvl2pPr marL="0" indent="0">
              <a:lnSpc>
                <a:spcPct val="90000"/>
              </a:lnSpc>
              <a:spcBef>
                <a:spcPts val="150"/>
              </a:spcBef>
              <a:spcAft>
                <a:spcPts val="0"/>
              </a:spcAft>
              <a:buNone/>
              <a:defRPr sz="1295" b="1">
                <a:solidFill>
                  <a:schemeClr val="accent2"/>
                </a:solidFill>
              </a:defRPr>
            </a:lvl2pPr>
            <a:lvl3pPr marL="0" indent="0">
              <a:lnSpc>
                <a:spcPct val="90000"/>
              </a:lnSpc>
              <a:spcAft>
                <a:spcPts val="0"/>
              </a:spcAft>
              <a:buFont typeface="Arial" panose="020B0604020202020204" pitchFamily="34" charset="0"/>
              <a:buNone/>
              <a:defRPr sz="1000">
                <a:solidFill>
                  <a:schemeClr val="accent2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3pPr>
            <a:lvl4pPr marL="0">
              <a:lnSpc>
                <a:spcPct val="90000"/>
              </a:lnSpc>
              <a:spcAft>
                <a:spcPts val="100"/>
              </a:spcAft>
              <a:defRPr sz="625" b="0" i="1">
                <a:solidFill>
                  <a:schemeClr val="accent4"/>
                </a:solidFill>
              </a:defRPr>
            </a:lvl4pPr>
          </a:lstStyle>
          <a:p>
            <a:pPr lvl="0"/>
            <a:r>
              <a:rPr lang="fr-FR"/>
              <a:t>subtitle. lorem ipsum</a:t>
            </a:r>
          </a:p>
          <a:p>
            <a:pPr lvl="0"/>
            <a:r>
              <a:rPr lang="fr-FR"/>
              <a:t>sit amet consectetuer</a:t>
            </a:r>
          </a:p>
          <a:p>
            <a:pPr lvl="0"/>
            <a:r>
              <a:rPr lang="fr-FR"/>
              <a:t>adipiscing elit sed diam</a:t>
            </a:r>
          </a:p>
        </p:txBody>
      </p:sp>
      <p:sp>
        <p:nvSpPr>
          <p:cNvPr id="2" name="Espace réservé du texte 18">
            <a:extLst>
              <a:ext uri="{FF2B5EF4-FFF2-40B4-BE49-F238E27FC236}">
                <a16:creationId xmlns:a16="http://schemas.microsoft.com/office/drawing/2014/main" id="{78282717-3B0E-36A1-41C3-82E429CD82CC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841420" y="3981460"/>
            <a:ext cx="3818354" cy="3073918"/>
          </a:xfrm>
        </p:spPr>
        <p:txBody>
          <a:bodyPr vert="horz" wrap="none" lIns="0" tIns="0" rIns="0" bIns="0" rtlCol="0">
            <a:spAutoFit/>
          </a:bodyPr>
          <a:lstStyle>
            <a:lvl1pPr>
              <a:defRPr lang="fr-FR" sz="23500" b="0">
                <a:ln w="25400">
                  <a:solidFill>
                    <a:srgbClr val="58DAC7"/>
                  </a:solidFill>
                </a:ln>
                <a:noFill/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</a:lstStyle>
          <a:p>
            <a:pPr lvl="0" algn="r">
              <a:lnSpc>
                <a:spcPct val="80000"/>
              </a:lnSpc>
              <a:spcAft>
                <a:spcPts val="0"/>
              </a:spcAft>
            </a:pPr>
            <a:r>
              <a:rPr lang="fr-FR"/>
              <a:t>03</a:t>
            </a:r>
          </a:p>
        </p:txBody>
      </p:sp>
      <p:grpSp>
        <p:nvGrpSpPr>
          <p:cNvPr id="3" name="Groupe 2">
            <a:extLst>
              <a:ext uri="{FF2B5EF4-FFF2-40B4-BE49-F238E27FC236}">
                <a16:creationId xmlns:a16="http://schemas.microsoft.com/office/drawing/2014/main" id="{873AF3A9-6E53-5593-88F1-5F1F9AE4BBE7}"/>
              </a:ext>
            </a:extLst>
          </p:cNvPr>
          <p:cNvGrpSpPr/>
          <p:nvPr userDrawn="1"/>
        </p:nvGrpSpPr>
        <p:grpSpPr>
          <a:xfrm>
            <a:off x="2968379" y="5127423"/>
            <a:ext cx="422797" cy="1752270"/>
            <a:chOff x="5889011" y="4181521"/>
            <a:chExt cx="423365" cy="3445044"/>
          </a:xfrm>
        </p:grpSpPr>
        <p:cxnSp>
          <p:nvCxnSpPr>
            <p:cNvPr id="4" name="Connecteur droit 3">
              <a:extLst>
                <a:ext uri="{FF2B5EF4-FFF2-40B4-BE49-F238E27FC236}">
                  <a16:creationId xmlns:a16="http://schemas.microsoft.com/office/drawing/2014/main" id="{FC2A1BF4-7DF3-AA51-6245-CEF7322B7C2B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171255" y="4543833"/>
              <a:ext cx="0" cy="3074753"/>
            </a:xfrm>
            <a:prstGeom prst="line">
              <a:avLst/>
            </a:prstGeom>
            <a:ln w="76200">
              <a:solidFill>
                <a:srgbClr val="58DAC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" name="Connecteur droit 4">
              <a:extLst>
                <a:ext uri="{FF2B5EF4-FFF2-40B4-BE49-F238E27FC236}">
                  <a16:creationId xmlns:a16="http://schemas.microsoft.com/office/drawing/2014/main" id="{E65AB0C0-E831-1531-239E-DCD3C844CC5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030133" y="4878892"/>
              <a:ext cx="0" cy="2731715"/>
            </a:xfrm>
            <a:prstGeom prst="line">
              <a:avLst/>
            </a:prstGeom>
            <a:ln w="76200">
              <a:solidFill>
                <a:srgbClr val="91A0CC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" name="Connecteur droit 5">
              <a:extLst>
                <a:ext uri="{FF2B5EF4-FFF2-40B4-BE49-F238E27FC236}">
                  <a16:creationId xmlns:a16="http://schemas.microsoft.com/office/drawing/2014/main" id="{E5505957-06CA-E586-98BC-022B52A8AC9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312376" y="4181521"/>
              <a:ext cx="0" cy="3427364"/>
            </a:xfrm>
            <a:prstGeom prst="line">
              <a:avLst/>
            </a:prstGeom>
            <a:ln w="76200">
              <a:solidFill>
                <a:srgbClr val="91A0CC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8" name="Connecteur droit 7">
              <a:extLst>
                <a:ext uri="{FF2B5EF4-FFF2-40B4-BE49-F238E27FC236}">
                  <a16:creationId xmlns:a16="http://schemas.microsoft.com/office/drawing/2014/main" id="{23A1CCE5-6FEE-BEFB-BEFA-1B3402126F53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5889011" y="5501096"/>
              <a:ext cx="0" cy="2125469"/>
            </a:xfrm>
            <a:prstGeom prst="line">
              <a:avLst/>
            </a:prstGeom>
            <a:ln w="76200">
              <a:solidFill>
                <a:srgbClr val="58DAC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9" name="Espace réservé du numéro de diapositive 8">
            <a:extLst>
              <a:ext uri="{FF2B5EF4-FFF2-40B4-BE49-F238E27FC236}">
                <a16:creationId xmlns:a16="http://schemas.microsoft.com/office/drawing/2014/main" id="{49E09EB9-54FB-7907-402B-3198940856E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10" name="Espace réservé du pied de page 9">
            <a:extLst>
              <a:ext uri="{FF2B5EF4-FFF2-40B4-BE49-F238E27FC236}">
                <a16:creationId xmlns:a16="http://schemas.microsoft.com/office/drawing/2014/main" id="{23CBB5AF-0D30-0810-F25E-4B76C72D5506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305852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ubchapter with full image n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Espace réservé pour une image  24">
            <a:extLst>
              <a:ext uri="{FF2B5EF4-FFF2-40B4-BE49-F238E27FC236}">
                <a16:creationId xmlns:a16="http://schemas.microsoft.com/office/drawing/2014/main" id="{C07B8CF5-7731-3665-FCFD-CD5DB0C1B1BF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0" y="0"/>
            <a:ext cx="12192000" cy="6856214"/>
          </a:xfrm>
          <a:solidFill>
            <a:srgbClr val="E8E8E8"/>
          </a:solidFill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4" name="Titre 3">
            <a:extLst>
              <a:ext uri="{FF2B5EF4-FFF2-40B4-BE49-F238E27FC236}">
                <a16:creationId xmlns:a16="http://schemas.microsoft.com/office/drawing/2014/main" id="{A8C99867-1A73-05D2-FA48-E1F67B6292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95812" y="2343150"/>
            <a:ext cx="7842040" cy="1965923"/>
          </a:xfrm>
        </p:spPr>
        <p:txBody>
          <a:bodyPr/>
          <a:lstStyle>
            <a:lvl1pPr>
              <a:lnSpc>
                <a:spcPct val="84000"/>
              </a:lnSpc>
              <a:defRPr sz="7500">
                <a:solidFill>
                  <a:schemeClr val="bg1"/>
                </a:solidFill>
                <a:latin typeface="Poppins ExtraBold" panose="00000900000000000000" pitchFamily="2" charset="0"/>
                <a:cs typeface="Poppins ExtraBold" panose="00000900000000000000" pitchFamily="2" charset="0"/>
              </a:defRPr>
            </a:lvl1pPr>
          </a:lstStyle>
          <a:p>
            <a:r>
              <a:rPr lang="fr-FR" err="1"/>
              <a:t>Subchapter</a:t>
            </a:r>
            <a:br>
              <a:rPr lang="fr-FR"/>
            </a:br>
            <a:r>
              <a:rPr lang="fr-FR" err="1"/>
              <a:t>title</a:t>
            </a:r>
            <a:endParaRPr lang="fr-FR"/>
          </a:p>
        </p:txBody>
      </p:sp>
      <p:sp>
        <p:nvSpPr>
          <p:cNvPr id="30" name="Espace réservé du texte 29">
            <a:extLst>
              <a:ext uri="{FF2B5EF4-FFF2-40B4-BE49-F238E27FC236}">
                <a16:creationId xmlns:a16="http://schemas.microsoft.com/office/drawing/2014/main" id="{6E0FE4C3-58C6-DD55-CA87-D90ABA64D03F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323156" y="1983994"/>
            <a:ext cx="10872779" cy="4875930"/>
          </a:xfrm>
          <a:custGeom>
            <a:avLst/>
            <a:gdLst>
              <a:gd name="connsiteX0" fmla="*/ 20883917 w 21734233"/>
              <a:gd name="connsiteY0" fmla="*/ 8901531 h 9751860"/>
              <a:gd name="connsiteX1" fmla="*/ 21734233 w 21734233"/>
              <a:gd name="connsiteY1" fmla="*/ 8901531 h 9751860"/>
              <a:gd name="connsiteX2" fmla="*/ 21734233 w 21734233"/>
              <a:gd name="connsiteY2" fmla="*/ 9751860 h 9751860"/>
              <a:gd name="connsiteX3" fmla="*/ 20883917 w 21734233"/>
              <a:gd name="connsiteY3" fmla="*/ 9751860 h 9751860"/>
              <a:gd name="connsiteX4" fmla="*/ 20017351 w 21734233"/>
              <a:gd name="connsiteY4" fmla="*/ 7185656 h 9751860"/>
              <a:gd name="connsiteX5" fmla="*/ 20867667 w 21734233"/>
              <a:gd name="connsiteY5" fmla="*/ 7185656 h 9751860"/>
              <a:gd name="connsiteX6" fmla="*/ 20867667 w 21734233"/>
              <a:gd name="connsiteY6" fmla="*/ 8035960 h 9751860"/>
              <a:gd name="connsiteX7" fmla="*/ 20017351 w 21734233"/>
              <a:gd name="connsiteY7" fmla="*/ 8035960 h 9751860"/>
              <a:gd name="connsiteX8" fmla="*/ 0 w 21734233"/>
              <a:gd name="connsiteY8" fmla="*/ 4411756 h 9751860"/>
              <a:gd name="connsiteX9" fmla="*/ 850316 w 21734233"/>
              <a:gd name="connsiteY9" fmla="*/ 4411756 h 9751860"/>
              <a:gd name="connsiteX10" fmla="*/ 850316 w 21734233"/>
              <a:gd name="connsiteY10" fmla="*/ 5262073 h 9751860"/>
              <a:gd name="connsiteX11" fmla="*/ 0 w 21734233"/>
              <a:gd name="connsiteY11" fmla="*/ 5262073 h 9751860"/>
              <a:gd name="connsiteX12" fmla="*/ 17416365 w 21734233"/>
              <a:gd name="connsiteY12" fmla="*/ 0 h 9751860"/>
              <a:gd name="connsiteX13" fmla="*/ 18264587 w 21734233"/>
              <a:gd name="connsiteY13" fmla="*/ 0 h 9751860"/>
              <a:gd name="connsiteX14" fmla="*/ 18264587 w 21734233"/>
              <a:gd name="connsiteY14" fmla="*/ 848209 h 9751860"/>
              <a:gd name="connsiteX15" fmla="*/ 18264053 w 21734233"/>
              <a:gd name="connsiteY15" fmla="*/ 848209 h 9751860"/>
              <a:gd name="connsiteX16" fmla="*/ 18264053 w 21734233"/>
              <a:gd name="connsiteY16" fmla="*/ 1684196 h 9751860"/>
              <a:gd name="connsiteX17" fmla="*/ 17415845 w 21734233"/>
              <a:gd name="connsiteY17" fmla="*/ 1684196 h 9751860"/>
              <a:gd name="connsiteX18" fmla="*/ 17415845 w 21734233"/>
              <a:gd name="connsiteY18" fmla="*/ 848539 h 9751860"/>
              <a:gd name="connsiteX19" fmla="*/ 16580163 w 21734233"/>
              <a:gd name="connsiteY19" fmla="*/ 848539 h 9751860"/>
              <a:gd name="connsiteX20" fmla="*/ 16580163 w 21734233"/>
              <a:gd name="connsiteY20" fmla="*/ 317 h 9751860"/>
              <a:gd name="connsiteX21" fmla="*/ 17416365 w 21734233"/>
              <a:gd name="connsiteY21" fmla="*/ 317 h 97518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</a:cxnLst>
            <a:rect l="l" t="t" r="r" b="b"/>
            <a:pathLst>
              <a:path w="21734233" h="9751860">
                <a:moveTo>
                  <a:pt x="20883917" y="8901531"/>
                </a:moveTo>
                <a:lnTo>
                  <a:pt x="21734233" y="8901531"/>
                </a:lnTo>
                <a:lnTo>
                  <a:pt x="21734233" y="9751860"/>
                </a:lnTo>
                <a:lnTo>
                  <a:pt x="20883917" y="9751860"/>
                </a:lnTo>
                <a:close/>
                <a:moveTo>
                  <a:pt x="20017351" y="7185656"/>
                </a:moveTo>
                <a:lnTo>
                  <a:pt x="20867667" y="7185656"/>
                </a:lnTo>
                <a:lnTo>
                  <a:pt x="20867667" y="8035960"/>
                </a:lnTo>
                <a:lnTo>
                  <a:pt x="20017351" y="8035960"/>
                </a:lnTo>
                <a:close/>
                <a:moveTo>
                  <a:pt x="0" y="4411756"/>
                </a:moveTo>
                <a:lnTo>
                  <a:pt x="850316" y="4411756"/>
                </a:lnTo>
                <a:lnTo>
                  <a:pt x="850316" y="5262073"/>
                </a:lnTo>
                <a:lnTo>
                  <a:pt x="0" y="5262073"/>
                </a:lnTo>
                <a:close/>
                <a:moveTo>
                  <a:pt x="17416365" y="0"/>
                </a:moveTo>
                <a:lnTo>
                  <a:pt x="18264587" y="0"/>
                </a:lnTo>
                <a:lnTo>
                  <a:pt x="18264587" y="848209"/>
                </a:lnTo>
                <a:lnTo>
                  <a:pt x="18264053" y="848209"/>
                </a:lnTo>
                <a:lnTo>
                  <a:pt x="18264053" y="1684196"/>
                </a:lnTo>
                <a:lnTo>
                  <a:pt x="17415845" y="1684196"/>
                </a:lnTo>
                <a:lnTo>
                  <a:pt x="17415845" y="848539"/>
                </a:lnTo>
                <a:lnTo>
                  <a:pt x="16580163" y="848539"/>
                </a:lnTo>
                <a:lnTo>
                  <a:pt x="16580163" y="317"/>
                </a:lnTo>
                <a:lnTo>
                  <a:pt x="17416365" y="317"/>
                </a:lnTo>
                <a:close/>
              </a:path>
            </a:pathLst>
          </a:custGeom>
          <a:solidFill>
            <a:srgbClr val="C4F6EF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7" name="Espace réservé du numéro de diapositive 26">
            <a:extLst>
              <a:ext uri="{FF2B5EF4-FFF2-40B4-BE49-F238E27FC236}">
                <a16:creationId xmlns:a16="http://schemas.microsoft.com/office/drawing/2014/main" id="{8ED41DCB-67BA-E049-472E-227D8B8165E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28" name="Espace réservé du texte 32">
            <a:extLst>
              <a:ext uri="{FF2B5EF4-FFF2-40B4-BE49-F238E27FC236}">
                <a16:creationId xmlns:a16="http://schemas.microsoft.com/office/drawing/2014/main" id="{EF8CDEC1-FAC1-B17D-30DA-3AC2868CC8F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95367" y="6643874"/>
            <a:ext cx="566083" cy="84790"/>
          </a:xfrm>
          <a:custGeom>
            <a:avLst/>
            <a:gdLst>
              <a:gd name="connsiteX0" fmla="*/ 995838 w 1131576"/>
              <a:gd name="connsiteY0" fmla="*/ 121703 h 169580"/>
              <a:gd name="connsiteX1" fmla="*/ 1041084 w 1131576"/>
              <a:gd name="connsiteY1" fmla="*/ 121703 h 169580"/>
              <a:gd name="connsiteX2" fmla="*/ 1041084 w 1131576"/>
              <a:gd name="connsiteY2" fmla="*/ 166948 h 169580"/>
              <a:gd name="connsiteX3" fmla="*/ 995838 w 1131576"/>
              <a:gd name="connsiteY3" fmla="*/ 166948 h 169580"/>
              <a:gd name="connsiteX4" fmla="*/ 316696 w 1131576"/>
              <a:gd name="connsiteY4" fmla="*/ 83649 h 169580"/>
              <a:gd name="connsiteX5" fmla="*/ 288910 w 1131576"/>
              <a:gd name="connsiteY5" fmla="*/ 94521 h 169580"/>
              <a:gd name="connsiteX6" fmla="*/ 345015 w 1131576"/>
              <a:gd name="connsiteY6" fmla="*/ 94521 h 169580"/>
              <a:gd name="connsiteX7" fmla="*/ 316696 w 1131576"/>
              <a:gd name="connsiteY7" fmla="*/ 83649 h 169580"/>
              <a:gd name="connsiteX8" fmla="*/ 539645 w 1131576"/>
              <a:gd name="connsiteY8" fmla="*/ 57092 h 169580"/>
              <a:gd name="connsiteX9" fmla="*/ 584890 w 1131576"/>
              <a:gd name="connsiteY9" fmla="*/ 57092 h 169580"/>
              <a:gd name="connsiteX10" fmla="*/ 584890 w 1131576"/>
              <a:gd name="connsiteY10" fmla="*/ 102870 h 169580"/>
              <a:gd name="connsiteX11" fmla="*/ 611118 w 1131576"/>
              <a:gd name="connsiteY11" fmla="*/ 129466 h 169580"/>
              <a:gd name="connsiteX12" fmla="*/ 646038 w 1131576"/>
              <a:gd name="connsiteY12" fmla="*/ 115718 h 169580"/>
              <a:gd name="connsiteX13" fmla="*/ 646038 w 1131576"/>
              <a:gd name="connsiteY13" fmla="*/ 57092 h 169580"/>
              <a:gd name="connsiteX14" fmla="*/ 691284 w 1131576"/>
              <a:gd name="connsiteY14" fmla="*/ 57092 h 169580"/>
              <a:gd name="connsiteX15" fmla="*/ 691284 w 1131576"/>
              <a:gd name="connsiteY15" fmla="*/ 166894 h 169580"/>
              <a:gd name="connsiteX16" fmla="*/ 646038 w 1131576"/>
              <a:gd name="connsiteY16" fmla="*/ 166894 h 169580"/>
              <a:gd name="connsiteX17" fmla="*/ 646038 w 1131576"/>
              <a:gd name="connsiteY17" fmla="*/ 151170 h 169580"/>
              <a:gd name="connsiteX18" fmla="*/ 593570 w 1131576"/>
              <a:gd name="connsiteY18" fmla="*/ 167451 h 169580"/>
              <a:gd name="connsiteX19" fmla="*/ 539645 w 1131576"/>
              <a:gd name="connsiteY19" fmla="*/ 120596 h 169580"/>
              <a:gd name="connsiteX20" fmla="*/ 0 w 1131576"/>
              <a:gd name="connsiteY20" fmla="*/ 57092 h 169580"/>
              <a:gd name="connsiteX21" fmla="*/ 45258 w 1131576"/>
              <a:gd name="connsiteY21" fmla="*/ 57092 h 169580"/>
              <a:gd name="connsiteX22" fmla="*/ 45258 w 1131576"/>
              <a:gd name="connsiteY22" fmla="*/ 166894 h 169580"/>
              <a:gd name="connsiteX23" fmla="*/ 0 w 1131576"/>
              <a:gd name="connsiteY23" fmla="*/ 166894 h 169580"/>
              <a:gd name="connsiteX24" fmla="*/ 168389 w 1131576"/>
              <a:gd name="connsiteY24" fmla="*/ 56041 h 169580"/>
              <a:gd name="connsiteX25" fmla="*/ 222276 w 1131576"/>
              <a:gd name="connsiteY25" fmla="*/ 105012 h 169580"/>
              <a:gd name="connsiteX26" fmla="*/ 222276 w 1131576"/>
              <a:gd name="connsiteY26" fmla="*/ 166894 h 169580"/>
              <a:gd name="connsiteX27" fmla="*/ 177031 w 1131576"/>
              <a:gd name="connsiteY27" fmla="*/ 166894 h 169580"/>
              <a:gd name="connsiteX28" fmla="*/ 177031 w 1131576"/>
              <a:gd name="connsiteY28" fmla="*/ 123346 h 169580"/>
              <a:gd name="connsiteX29" fmla="*/ 150106 w 1131576"/>
              <a:gd name="connsiteY29" fmla="*/ 95636 h 169580"/>
              <a:gd name="connsiteX30" fmla="*/ 113704 w 1131576"/>
              <a:gd name="connsiteY30" fmla="*/ 109966 h 169580"/>
              <a:gd name="connsiteX31" fmla="*/ 113704 w 1131576"/>
              <a:gd name="connsiteY31" fmla="*/ 166894 h 169580"/>
              <a:gd name="connsiteX32" fmla="*/ 68471 w 1131576"/>
              <a:gd name="connsiteY32" fmla="*/ 166894 h 169580"/>
              <a:gd name="connsiteX33" fmla="*/ 68471 w 1131576"/>
              <a:gd name="connsiteY33" fmla="*/ 57092 h 169580"/>
              <a:gd name="connsiteX34" fmla="*/ 113704 w 1131576"/>
              <a:gd name="connsiteY34" fmla="*/ 57092 h 169580"/>
              <a:gd name="connsiteX35" fmla="*/ 113704 w 1131576"/>
              <a:gd name="connsiteY35" fmla="*/ 73019 h 169580"/>
              <a:gd name="connsiteX36" fmla="*/ 168389 w 1131576"/>
              <a:gd name="connsiteY36" fmla="*/ 56041 h 169580"/>
              <a:gd name="connsiteX37" fmla="*/ 809118 w 1131576"/>
              <a:gd name="connsiteY37" fmla="*/ 55357 h 169580"/>
              <a:gd name="connsiteX38" fmla="*/ 850272 w 1131576"/>
              <a:gd name="connsiteY38" fmla="*/ 76503 h 169580"/>
              <a:gd name="connsiteX39" fmla="*/ 903830 w 1131576"/>
              <a:gd name="connsiteY39" fmla="*/ 55357 h 169580"/>
              <a:gd name="connsiteX40" fmla="*/ 950545 w 1131576"/>
              <a:gd name="connsiteY40" fmla="*/ 100881 h 169580"/>
              <a:gd name="connsiteX41" fmla="*/ 950545 w 1131576"/>
              <a:gd name="connsiteY41" fmla="*/ 166894 h 169580"/>
              <a:gd name="connsiteX42" fmla="*/ 905299 w 1131576"/>
              <a:gd name="connsiteY42" fmla="*/ 166894 h 169580"/>
              <a:gd name="connsiteX43" fmla="*/ 905299 w 1131576"/>
              <a:gd name="connsiteY43" fmla="*/ 120634 h 169580"/>
              <a:gd name="connsiteX44" fmla="*/ 884266 w 1131576"/>
              <a:gd name="connsiteY44" fmla="*/ 93748 h 169580"/>
              <a:gd name="connsiteX45" fmla="*/ 855758 w 1131576"/>
              <a:gd name="connsiteY45" fmla="*/ 106494 h 169580"/>
              <a:gd name="connsiteX46" fmla="*/ 855821 w 1131576"/>
              <a:gd name="connsiteY46" fmla="*/ 166894 h 169580"/>
              <a:gd name="connsiteX47" fmla="*/ 810575 w 1131576"/>
              <a:gd name="connsiteY47" fmla="*/ 166894 h 169580"/>
              <a:gd name="connsiteX48" fmla="*/ 810575 w 1131576"/>
              <a:gd name="connsiteY48" fmla="*/ 120634 h 169580"/>
              <a:gd name="connsiteX49" fmla="*/ 789543 w 1131576"/>
              <a:gd name="connsiteY49" fmla="*/ 93748 h 169580"/>
              <a:gd name="connsiteX50" fmla="*/ 759742 w 1131576"/>
              <a:gd name="connsiteY50" fmla="*/ 107647 h 169580"/>
              <a:gd name="connsiteX51" fmla="*/ 759742 w 1131576"/>
              <a:gd name="connsiteY51" fmla="*/ 166894 h 169580"/>
              <a:gd name="connsiteX52" fmla="*/ 714496 w 1131576"/>
              <a:gd name="connsiteY52" fmla="*/ 166881 h 169580"/>
              <a:gd name="connsiteX53" fmla="*/ 714496 w 1131576"/>
              <a:gd name="connsiteY53" fmla="*/ 57092 h 169580"/>
              <a:gd name="connsiteX54" fmla="*/ 759742 w 1131576"/>
              <a:gd name="connsiteY54" fmla="*/ 57092 h 169580"/>
              <a:gd name="connsiteX55" fmla="*/ 759742 w 1131576"/>
              <a:gd name="connsiteY55" fmla="*/ 75464 h 169580"/>
              <a:gd name="connsiteX56" fmla="*/ 809118 w 1131576"/>
              <a:gd name="connsiteY56" fmla="*/ 55357 h 169580"/>
              <a:gd name="connsiteX57" fmla="*/ 316950 w 1131576"/>
              <a:gd name="connsiteY57" fmla="*/ 54394 h 169580"/>
              <a:gd name="connsiteX58" fmla="*/ 392364 w 1131576"/>
              <a:gd name="connsiteY58" fmla="*/ 119431 h 169580"/>
              <a:gd name="connsiteX59" fmla="*/ 286667 w 1131576"/>
              <a:gd name="connsiteY59" fmla="*/ 119431 h 169580"/>
              <a:gd name="connsiteX60" fmla="*/ 315087 w 1131576"/>
              <a:gd name="connsiteY60" fmla="*/ 134293 h 169580"/>
              <a:gd name="connsiteX61" fmla="*/ 340251 w 1131576"/>
              <a:gd name="connsiteY61" fmla="*/ 130340 h 169580"/>
              <a:gd name="connsiteX62" fmla="*/ 389475 w 1131576"/>
              <a:gd name="connsiteY62" fmla="*/ 130340 h 169580"/>
              <a:gd name="connsiteX63" fmla="*/ 315087 w 1131576"/>
              <a:gd name="connsiteY63" fmla="*/ 169580 h 169580"/>
              <a:gd name="connsiteX64" fmla="*/ 241143 w 1131576"/>
              <a:gd name="connsiteY64" fmla="*/ 111993 h 169580"/>
              <a:gd name="connsiteX65" fmla="*/ 316950 w 1131576"/>
              <a:gd name="connsiteY65" fmla="*/ 54394 h 169580"/>
              <a:gd name="connsiteX66" fmla="*/ 1041084 w 1131576"/>
              <a:gd name="connsiteY66" fmla="*/ 31198 h 169580"/>
              <a:gd name="connsiteX67" fmla="*/ 1131576 w 1131576"/>
              <a:gd name="connsiteY67" fmla="*/ 31198 h 169580"/>
              <a:gd name="connsiteX68" fmla="*/ 1131576 w 1131576"/>
              <a:gd name="connsiteY68" fmla="*/ 121703 h 169580"/>
              <a:gd name="connsiteX69" fmla="*/ 1086330 w 1131576"/>
              <a:gd name="connsiteY69" fmla="*/ 121703 h 169580"/>
              <a:gd name="connsiteX70" fmla="*/ 1086330 w 1131576"/>
              <a:gd name="connsiteY70" fmla="*/ 76457 h 169580"/>
              <a:gd name="connsiteX71" fmla="*/ 1041084 w 1131576"/>
              <a:gd name="connsiteY71" fmla="*/ 76457 h 169580"/>
              <a:gd name="connsiteX72" fmla="*/ 428918 w 1131576"/>
              <a:gd name="connsiteY72" fmla="*/ 22629 h 169580"/>
              <a:gd name="connsiteX73" fmla="*/ 474164 w 1131576"/>
              <a:gd name="connsiteY73" fmla="*/ 22629 h 169580"/>
              <a:gd name="connsiteX74" fmla="*/ 474164 w 1131576"/>
              <a:gd name="connsiteY74" fmla="*/ 57092 h 169580"/>
              <a:gd name="connsiteX75" fmla="*/ 519410 w 1131576"/>
              <a:gd name="connsiteY75" fmla="*/ 57092 h 169580"/>
              <a:gd name="connsiteX76" fmla="*/ 519410 w 1131576"/>
              <a:gd name="connsiteY76" fmla="*/ 93773 h 169580"/>
              <a:gd name="connsiteX77" fmla="*/ 474164 w 1131576"/>
              <a:gd name="connsiteY77" fmla="*/ 93773 h 169580"/>
              <a:gd name="connsiteX78" fmla="*/ 474164 w 1131576"/>
              <a:gd name="connsiteY78" fmla="*/ 130086 h 169580"/>
              <a:gd name="connsiteX79" fmla="*/ 519410 w 1131576"/>
              <a:gd name="connsiteY79" fmla="*/ 130086 h 169580"/>
              <a:gd name="connsiteX80" fmla="*/ 519410 w 1131576"/>
              <a:gd name="connsiteY80" fmla="*/ 166894 h 169580"/>
              <a:gd name="connsiteX81" fmla="*/ 428918 w 1131576"/>
              <a:gd name="connsiteY81" fmla="*/ 166894 h 169580"/>
              <a:gd name="connsiteX82" fmla="*/ 428918 w 1131576"/>
              <a:gd name="connsiteY82" fmla="*/ 93773 h 169580"/>
              <a:gd name="connsiteX83" fmla="*/ 404629 w 1131576"/>
              <a:gd name="connsiteY83" fmla="*/ 93773 h 169580"/>
              <a:gd name="connsiteX84" fmla="*/ 404629 w 1131576"/>
              <a:gd name="connsiteY84" fmla="*/ 57092 h 169580"/>
              <a:gd name="connsiteX85" fmla="*/ 428918 w 1131576"/>
              <a:gd name="connsiteY85" fmla="*/ 57092 h 169580"/>
              <a:gd name="connsiteX86" fmla="*/ 0 w 1131576"/>
              <a:gd name="connsiteY86" fmla="*/ 0 h 169580"/>
              <a:gd name="connsiteX87" fmla="*/ 45258 w 1131576"/>
              <a:gd name="connsiteY87" fmla="*/ 0 h 169580"/>
              <a:gd name="connsiteX88" fmla="*/ 45258 w 1131576"/>
              <a:gd name="connsiteY88" fmla="*/ 45246 h 169580"/>
              <a:gd name="connsiteX89" fmla="*/ 0 w 1131576"/>
              <a:gd name="connsiteY89" fmla="*/ 45246 h 1695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</a:cxnLst>
            <a:rect l="l" t="t" r="r" b="b"/>
            <a:pathLst>
              <a:path w="1131576" h="169580">
                <a:moveTo>
                  <a:pt x="995838" y="121703"/>
                </a:moveTo>
                <a:lnTo>
                  <a:pt x="1041084" y="121703"/>
                </a:lnTo>
                <a:lnTo>
                  <a:pt x="1041084" y="166948"/>
                </a:lnTo>
                <a:lnTo>
                  <a:pt x="995838" y="166948"/>
                </a:lnTo>
                <a:close/>
                <a:moveTo>
                  <a:pt x="316696" y="83649"/>
                </a:moveTo>
                <a:cubicBezTo>
                  <a:pt x="304799" y="83649"/>
                  <a:pt x="293725" y="87096"/>
                  <a:pt x="288910" y="94521"/>
                </a:cubicBezTo>
                <a:lnTo>
                  <a:pt x="345015" y="94521"/>
                </a:lnTo>
                <a:cubicBezTo>
                  <a:pt x="339794" y="87096"/>
                  <a:pt x="328594" y="83649"/>
                  <a:pt x="316696" y="83649"/>
                </a:cubicBezTo>
                <a:close/>
                <a:moveTo>
                  <a:pt x="539645" y="57092"/>
                </a:moveTo>
                <a:lnTo>
                  <a:pt x="584890" y="57092"/>
                </a:lnTo>
                <a:lnTo>
                  <a:pt x="584890" y="102870"/>
                </a:lnTo>
                <a:cubicBezTo>
                  <a:pt x="584890" y="121509"/>
                  <a:pt x="591580" y="129466"/>
                  <a:pt x="611118" y="129466"/>
                </a:cubicBezTo>
                <a:cubicBezTo>
                  <a:pt x="623966" y="129466"/>
                  <a:pt x="637536" y="123853"/>
                  <a:pt x="646038" y="115718"/>
                </a:cubicBezTo>
                <a:lnTo>
                  <a:pt x="646038" y="57092"/>
                </a:lnTo>
                <a:lnTo>
                  <a:pt x="691284" y="57092"/>
                </a:lnTo>
                <a:lnTo>
                  <a:pt x="691284" y="166894"/>
                </a:lnTo>
                <a:lnTo>
                  <a:pt x="646038" y="166894"/>
                </a:lnTo>
                <a:lnTo>
                  <a:pt x="646038" y="151170"/>
                </a:lnTo>
                <a:cubicBezTo>
                  <a:pt x="633013" y="160217"/>
                  <a:pt x="616364" y="167451"/>
                  <a:pt x="593570" y="167451"/>
                </a:cubicBezTo>
                <a:cubicBezTo>
                  <a:pt x="569141" y="167451"/>
                  <a:pt x="539645" y="159862"/>
                  <a:pt x="539645" y="120596"/>
                </a:cubicBezTo>
                <a:close/>
                <a:moveTo>
                  <a:pt x="0" y="57092"/>
                </a:moveTo>
                <a:lnTo>
                  <a:pt x="45258" y="57092"/>
                </a:lnTo>
                <a:lnTo>
                  <a:pt x="45258" y="166894"/>
                </a:lnTo>
                <a:lnTo>
                  <a:pt x="0" y="166894"/>
                </a:lnTo>
                <a:close/>
                <a:moveTo>
                  <a:pt x="168389" y="56041"/>
                </a:moveTo>
                <a:cubicBezTo>
                  <a:pt x="193844" y="56041"/>
                  <a:pt x="222276" y="64099"/>
                  <a:pt x="222276" y="105012"/>
                </a:cubicBezTo>
                <a:lnTo>
                  <a:pt x="222276" y="166894"/>
                </a:lnTo>
                <a:lnTo>
                  <a:pt x="177031" y="166894"/>
                </a:lnTo>
                <a:lnTo>
                  <a:pt x="177031" y="123346"/>
                </a:lnTo>
                <a:cubicBezTo>
                  <a:pt x="177031" y="103935"/>
                  <a:pt x="170455" y="95636"/>
                  <a:pt x="150106" y="95636"/>
                </a:cubicBezTo>
                <a:cubicBezTo>
                  <a:pt x="136713" y="95636"/>
                  <a:pt x="122573" y="101489"/>
                  <a:pt x="113704" y="109966"/>
                </a:cubicBezTo>
                <a:lnTo>
                  <a:pt x="113704" y="166894"/>
                </a:lnTo>
                <a:lnTo>
                  <a:pt x="68471" y="166894"/>
                </a:lnTo>
                <a:lnTo>
                  <a:pt x="68471" y="57092"/>
                </a:lnTo>
                <a:lnTo>
                  <a:pt x="113704" y="57092"/>
                </a:lnTo>
                <a:lnTo>
                  <a:pt x="113704" y="73019"/>
                </a:lnTo>
                <a:cubicBezTo>
                  <a:pt x="127287" y="63580"/>
                  <a:pt x="144632" y="56041"/>
                  <a:pt x="168389" y="56041"/>
                </a:cubicBezTo>
                <a:close/>
                <a:moveTo>
                  <a:pt x="809118" y="55357"/>
                </a:moveTo>
                <a:cubicBezTo>
                  <a:pt x="822828" y="55357"/>
                  <a:pt x="841681" y="60399"/>
                  <a:pt x="850272" y="76503"/>
                </a:cubicBezTo>
                <a:cubicBezTo>
                  <a:pt x="861244" y="63757"/>
                  <a:pt x="877133" y="55357"/>
                  <a:pt x="903830" y="55357"/>
                </a:cubicBezTo>
                <a:cubicBezTo>
                  <a:pt x="923038" y="55357"/>
                  <a:pt x="950545" y="63035"/>
                  <a:pt x="950545" y="100881"/>
                </a:cubicBezTo>
                <a:lnTo>
                  <a:pt x="950545" y="166894"/>
                </a:lnTo>
                <a:lnTo>
                  <a:pt x="905299" y="166894"/>
                </a:lnTo>
                <a:lnTo>
                  <a:pt x="905299" y="120634"/>
                </a:lnTo>
                <a:cubicBezTo>
                  <a:pt x="905299" y="101793"/>
                  <a:pt x="900358" y="93748"/>
                  <a:pt x="884266" y="93748"/>
                </a:cubicBezTo>
                <a:cubicBezTo>
                  <a:pt x="873117" y="93748"/>
                  <a:pt x="865083" y="97359"/>
                  <a:pt x="855758" y="106494"/>
                </a:cubicBezTo>
                <a:lnTo>
                  <a:pt x="855821" y="166894"/>
                </a:lnTo>
                <a:lnTo>
                  <a:pt x="810575" y="166894"/>
                </a:lnTo>
                <a:lnTo>
                  <a:pt x="810575" y="120634"/>
                </a:lnTo>
                <a:cubicBezTo>
                  <a:pt x="810575" y="101793"/>
                  <a:pt x="805634" y="93748"/>
                  <a:pt x="789543" y="93748"/>
                </a:cubicBezTo>
                <a:cubicBezTo>
                  <a:pt x="778393" y="93748"/>
                  <a:pt x="769067" y="98512"/>
                  <a:pt x="759742" y="107647"/>
                </a:cubicBezTo>
                <a:lnTo>
                  <a:pt x="759742" y="166894"/>
                </a:lnTo>
                <a:lnTo>
                  <a:pt x="714496" y="166881"/>
                </a:lnTo>
                <a:lnTo>
                  <a:pt x="714496" y="57092"/>
                </a:lnTo>
                <a:lnTo>
                  <a:pt x="759742" y="57092"/>
                </a:lnTo>
                <a:lnTo>
                  <a:pt x="759742" y="75464"/>
                </a:lnTo>
                <a:cubicBezTo>
                  <a:pt x="769435" y="66316"/>
                  <a:pt x="782422" y="55357"/>
                  <a:pt x="809118" y="55357"/>
                </a:cubicBezTo>
                <a:close/>
                <a:moveTo>
                  <a:pt x="316950" y="54394"/>
                </a:moveTo>
                <a:cubicBezTo>
                  <a:pt x="362842" y="54394"/>
                  <a:pt x="392364" y="70751"/>
                  <a:pt x="392364" y="119431"/>
                </a:cubicBezTo>
                <a:lnTo>
                  <a:pt x="286667" y="119431"/>
                </a:lnTo>
                <a:cubicBezTo>
                  <a:pt x="290380" y="131315"/>
                  <a:pt x="302822" y="134293"/>
                  <a:pt x="315087" y="134293"/>
                </a:cubicBezTo>
                <a:cubicBezTo>
                  <a:pt x="327162" y="134293"/>
                  <a:pt x="333839" y="133672"/>
                  <a:pt x="340251" y="130340"/>
                </a:cubicBezTo>
                <a:lnTo>
                  <a:pt x="389475" y="130340"/>
                </a:lnTo>
                <a:cubicBezTo>
                  <a:pt x="382316" y="156694"/>
                  <a:pt x="358483" y="169580"/>
                  <a:pt x="315087" y="169580"/>
                </a:cubicBezTo>
                <a:cubicBezTo>
                  <a:pt x="271425" y="169580"/>
                  <a:pt x="241143" y="153235"/>
                  <a:pt x="241143" y="111993"/>
                </a:cubicBezTo>
                <a:cubicBezTo>
                  <a:pt x="241143" y="70751"/>
                  <a:pt x="271425" y="54394"/>
                  <a:pt x="316950" y="54394"/>
                </a:cubicBezTo>
                <a:close/>
                <a:moveTo>
                  <a:pt x="1041084" y="31198"/>
                </a:moveTo>
                <a:lnTo>
                  <a:pt x="1131576" y="31198"/>
                </a:lnTo>
                <a:lnTo>
                  <a:pt x="1131576" y="121703"/>
                </a:lnTo>
                <a:lnTo>
                  <a:pt x="1086330" y="121703"/>
                </a:lnTo>
                <a:lnTo>
                  <a:pt x="1086330" y="76457"/>
                </a:lnTo>
                <a:lnTo>
                  <a:pt x="1041084" y="76457"/>
                </a:lnTo>
                <a:close/>
                <a:moveTo>
                  <a:pt x="428918" y="22629"/>
                </a:moveTo>
                <a:lnTo>
                  <a:pt x="474164" y="22629"/>
                </a:lnTo>
                <a:lnTo>
                  <a:pt x="474164" y="57092"/>
                </a:lnTo>
                <a:lnTo>
                  <a:pt x="519410" y="57092"/>
                </a:lnTo>
                <a:lnTo>
                  <a:pt x="519410" y="93773"/>
                </a:lnTo>
                <a:lnTo>
                  <a:pt x="474164" y="93773"/>
                </a:lnTo>
                <a:lnTo>
                  <a:pt x="474164" y="130086"/>
                </a:lnTo>
                <a:lnTo>
                  <a:pt x="519410" y="130086"/>
                </a:lnTo>
                <a:lnTo>
                  <a:pt x="519410" y="166894"/>
                </a:lnTo>
                <a:lnTo>
                  <a:pt x="428918" y="166894"/>
                </a:lnTo>
                <a:lnTo>
                  <a:pt x="428918" y="93773"/>
                </a:lnTo>
                <a:lnTo>
                  <a:pt x="404629" y="93773"/>
                </a:lnTo>
                <a:lnTo>
                  <a:pt x="404629" y="57092"/>
                </a:lnTo>
                <a:lnTo>
                  <a:pt x="428918" y="57092"/>
                </a:lnTo>
                <a:close/>
                <a:moveTo>
                  <a:pt x="0" y="0"/>
                </a:moveTo>
                <a:lnTo>
                  <a:pt x="45258" y="0"/>
                </a:lnTo>
                <a:lnTo>
                  <a:pt x="45258" y="45246"/>
                </a:lnTo>
                <a:lnTo>
                  <a:pt x="0" y="4524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4" name="Espace réservé du texte 23">
            <a:extLst>
              <a:ext uri="{FF2B5EF4-FFF2-40B4-BE49-F238E27FC236}">
                <a16:creationId xmlns:a16="http://schemas.microsoft.com/office/drawing/2014/main" id="{A321E9F9-47E8-C037-1622-7A3188F239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8" y="421471"/>
            <a:ext cx="12195857" cy="5152600"/>
          </a:xfrm>
          <a:custGeom>
            <a:avLst/>
            <a:gdLst>
              <a:gd name="connsiteX0" fmla="*/ 23528693 w 24379009"/>
              <a:gd name="connsiteY0" fmla="*/ 9454882 h 10305199"/>
              <a:gd name="connsiteX1" fmla="*/ 24379009 w 24379009"/>
              <a:gd name="connsiteY1" fmla="*/ 9454882 h 10305199"/>
              <a:gd name="connsiteX2" fmla="*/ 24379009 w 24379009"/>
              <a:gd name="connsiteY2" fmla="*/ 10305199 h 10305199"/>
              <a:gd name="connsiteX3" fmla="*/ 23528693 w 24379009"/>
              <a:gd name="connsiteY3" fmla="*/ 10305199 h 10305199"/>
              <a:gd name="connsiteX4" fmla="*/ 0 w 24379009"/>
              <a:gd name="connsiteY4" fmla="*/ 8570917 h 10305199"/>
              <a:gd name="connsiteX5" fmla="*/ 850316 w 24379009"/>
              <a:gd name="connsiteY5" fmla="*/ 8570917 h 10305199"/>
              <a:gd name="connsiteX6" fmla="*/ 850316 w 24379009"/>
              <a:gd name="connsiteY6" fmla="*/ 9421234 h 10305199"/>
              <a:gd name="connsiteX7" fmla="*/ 0 w 24379009"/>
              <a:gd name="connsiteY7" fmla="*/ 9421234 h 10305199"/>
              <a:gd name="connsiteX8" fmla="*/ 6278200 w 24379009"/>
              <a:gd name="connsiteY8" fmla="*/ 1212313 h 10305199"/>
              <a:gd name="connsiteX9" fmla="*/ 7128518 w 24379009"/>
              <a:gd name="connsiteY9" fmla="*/ 1212313 h 10305199"/>
              <a:gd name="connsiteX10" fmla="*/ 7128518 w 24379009"/>
              <a:gd name="connsiteY10" fmla="*/ 2062630 h 10305199"/>
              <a:gd name="connsiteX11" fmla="*/ 6278200 w 24379009"/>
              <a:gd name="connsiteY11" fmla="*/ 2062630 h 10305199"/>
              <a:gd name="connsiteX12" fmla="*/ 20957815 w 24379009"/>
              <a:gd name="connsiteY12" fmla="*/ 0 h 10305199"/>
              <a:gd name="connsiteX13" fmla="*/ 21808133 w 24379009"/>
              <a:gd name="connsiteY13" fmla="*/ 0 h 10305199"/>
              <a:gd name="connsiteX14" fmla="*/ 21808133 w 24379009"/>
              <a:gd name="connsiteY14" fmla="*/ 850317 h 10305199"/>
              <a:gd name="connsiteX15" fmla="*/ 20957815 w 24379009"/>
              <a:gd name="connsiteY15" fmla="*/ 850317 h 103051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24379009" h="10305199">
                <a:moveTo>
                  <a:pt x="23528693" y="9454882"/>
                </a:moveTo>
                <a:lnTo>
                  <a:pt x="24379009" y="9454882"/>
                </a:lnTo>
                <a:lnTo>
                  <a:pt x="24379009" y="10305199"/>
                </a:lnTo>
                <a:lnTo>
                  <a:pt x="23528693" y="10305199"/>
                </a:lnTo>
                <a:close/>
                <a:moveTo>
                  <a:pt x="0" y="8570917"/>
                </a:moveTo>
                <a:lnTo>
                  <a:pt x="850316" y="8570917"/>
                </a:lnTo>
                <a:lnTo>
                  <a:pt x="850316" y="9421234"/>
                </a:lnTo>
                <a:lnTo>
                  <a:pt x="0" y="9421234"/>
                </a:lnTo>
                <a:close/>
                <a:moveTo>
                  <a:pt x="6278200" y="1212313"/>
                </a:moveTo>
                <a:lnTo>
                  <a:pt x="7128518" y="1212313"/>
                </a:lnTo>
                <a:lnTo>
                  <a:pt x="7128518" y="2062630"/>
                </a:lnTo>
                <a:lnTo>
                  <a:pt x="6278200" y="2062630"/>
                </a:lnTo>
                <a:close/>
                <a:moveTo>
                  <a:pt x="20957815" y="0"/>
                </a:moveTo>
                <a:lnTo>
                  <a:pt x="21808133" y="0"/>
                </a:lnTo>
                <a:lnTo>
                  <a:pt x="21808133" y="850317"/>
                </a:lnTo>
                <a:lnTo>
                  <a:pt x="20957815" y="850317"/>
                </a:lnTo>
                <a:close/>
              </a:path>
            </a:pathLst>
          </a:custGeom>
          <a:solidFill>
            <a:srgbClr val="58DAC7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3" name="Espace réservé du pied de page 2">
            <a:extLst>
              <a:ext uri="{FF2B5EF4-FFF2-40B4-BE49-F238E27FC236}">
                <a16:creationId xmlns:a16="http://schemas.microsoft.com/office/drawing/2014/main" id="{1CBFB962-3E0D-F30F-AC2F-91696E9F423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646012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image" Target="../media/image2.sv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image" Target="../media/image1.pn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Espace réservé du texte 18">
            <a:extLst>
              <a:ext uri="{FF2B5EF4-FFF2-40B4-BE49-F238E27FC236}">
                <a16:creationId xmlns:a16="http://schemas.microsoft.com/office/drawing/2014/main" id="{EB02E89D-99EE-846D-030C-6136A7FAE53D}"/>
              </a:ext>
            </a:extLst>
          </p:cNvPr>
          <p:cNvSpPr txBox="1">
            <a:spLocks/>
          </p:cNvSpPr>
          <p:nvPr userDrawn="1"/>
        </p:nvSpPr>
        <p:spPr>
          <a:xfrm>
            <a:off x="11766371" y="6432591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rgbClr val="C4F6EF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234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ClrTx/>
              <a:buFont typeface="Wingdings" panose="05000000000000000000" pitchFamily="2" charset="2"/>
              <a:buChar char="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360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Poppins" panose="00000500000000000000" pitchFamily="2" charset="0"/>
              <a:buChar char="–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2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lang="fr-FR" sz="1200" b="1" kern="1200" cap="none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5pPr>
            <a:lvl6pPr marL="114300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4859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7145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9431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fr-FR"/>
              <a:t>.</a:t>
            </a:r>
          </a:p>
        </p:txBody>
      </p:sp>
      <p:sp>
        <p:nvSpPr>
          <p:cNvPr id="2" name="Espace réservé du titre 1">
            <a:extLst>
              <a:ext uri="{FF2B5EF4-FFF2-40B4-BE49-F238E27FC236}">
                <a16:creationId xmlns:a16="http://schemas.microsoft.com/office/drawing/2014/main" id="{77AD2122-3584-F150-491A-BBC14CB46C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81330" y="380016"/>
            <a:ext cx="10515600" cy="301044"/>
          </a:xfrm>
          <a:prstGeom prst="rect">
            <a:avLst/>
          </a:prstGeom>
        </p:spPr>
        <p:txBody>
          <a:bodyPr vert="horz" lIns="0" tIns="0" rIns="0" bIns="0" rtlCol="0" anchor="t">
            <a:spAutoFit/>
          </a:bodyPr>
          <a:lstStyle/>
          <a:p>
            <a:r>
              <a:rPr lang="fr-FR"/>
              <a:t>Modifiez le style du titre</a:t>
            </a:r>
          </a:p>
        </p:txBody>
      </p:sp>
      <p:sp>
        <p:nvSpPr>
          <p:cNvPr id="6" name="Espace réservé du numéro de diapositive 5">
            <a:extLst>
              <a:ext uri="{FF2B5EF4-FFF2-40B4-BE49-F238E27FC236}">
                <a16:creationId xmlns:a16="http://schemas.microsoft.com/office/drawing/2014/main" id="{471D5830-EBA0-B338-BF67-610F15EE17E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793330" y="6655402"/>
            <a:ext cx="248573" cy="96180"/>
          </a:xfrm>
          <a:prstGeom prst="rect">
            <a:avLst/>
          </a:prstGeom>
        </p:spPr>
        <p:txBody>
          <a:bodyPr vert="horz" wrap="square" lIns="0" tIns="0" rIns="0" bIns="0" rtlCol="0" anchor="ctr">
            <a:spAutoFit/>
          </a:bodyPr>
          <a:lstStyle>
            <a:lvl1pPr algn="r">
              <a:defRPr sz="625" b="1">
                <a:solidFill>
                  <a:schemeClr val="tx2"/>
                </a:solidFill>
              </a:defRPr>
            </a:lvl1pPr>
          </a:lstStyle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pic>
        <p:nvPicPr>
          <p:cNvPr id="12" name="Graphique 11">
            <a:extLst>
              <a:ext uri="{FF2B5EF4-FFF2-40B4-BE49-F238E27FC236}">
                <a16:creationId xmlns:a16="http://schemas.microsoft.com/office/drawing/2014/main" id="{D50A9835-076B-1E55-5C3C-A674DFDD4B47}"/>
              </a:ext>
            </a:extLst>
          </p:cNvPr>
          <p:cNvPicPr>
            <a:picLocks noChangeAspect="1"/>
          </p:cNvPicPr>
          <p:nvPr userDrawn="1"/>
        </p:nvPicPr>
        <p:blipFill>
          <a:blip r:embed="rId37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8"/>
              </a:ext>
            </a:extLst>
          </a:blip>
          <a:stretch>
            <a:fillRect/>
          </a:stretch>
        </p:blipFill>
        <p:spPr>
          <a:xfrm>
            <a:off x="195364" y="6643893"/>
            <a:ext cx="567295" cy="85525"/>
          </a:xfrm>
          <a:prstGeom prst="rect">
            <a:avLst/>
          </a:prstGeom>
        </p:spPr>
      </p:pic>
      <p:sp>
        <p:nvSpPr>
          <p:cNvPr id="3" name="Espace réservé du texte 2">
            <a:extLst>
              <a:ext uri="{FF2B5EF4-FFF2-40B4-BE49-F238E27FC236}">
                <a16:creationId xmlns:a16="http://schemas.microsoft.com/office/drawing/2014/main" id="{433C5CCD-1FCA-8315-06FA-AACDED144A11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02121" y="2293257"/>
            <a:ext cx="9265830" cy="1034770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pPr lvl="0"/>
            <a:r>
              <a:rPr lang="fr-FR"/>
              <a:t>Cliquez pour modifier les styles du texte du masque</a:t>
            </a:r>
          </a:p>
          <a:p>
            <a:pPr lvl="1"/>
            <a:r>
              <a:rPr lang="fr-FR"/>
              <a:t>Deuxième niveau</a:t>
            </a:r>
          </a:p>
          <a:p>
            <a:pPr lvl="2"/>
            <a:r>
              <a:rPr lang="fr-FR"/>
              <a:t>Troisième niveau</a:t>
            </a:r>
          </a:p>
          <a:p>
            <a:pPr lvl="3"/>
            <a:r>
              <a:rPr lang="fr-FR"/>
              <a:t>Quatrième niveau</a:t>
            </a:r>
          </a:p>
          <a:p>
            <a:pPr lvl="4"/>
            <a:r>
              <a:rPr lang="fr-FR"/>
              <a:t>Cinquième niveau</a:t>
            </a:r>
          </a:p>
        </p:txBody>
      </p:sp>
      <p:sp>
        <p:nvSpPr>
          <p:cNvPr id="4" name="Espace réservé du pied de page 4">
            <a:extLst>
              <a:ext uri="{FF2B5EF4-FFF2-40B4-BE49-F238E27FC236}">
                <a16:creationId xmlns:a16="http://schemas.microsoft.com/office/drawing/2014/main" id="{33A328C6-AE2D-BFDC-E425-2BE74006B02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21486" y="6508464"/>
            <a:ext cx="3121665" cy="273598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700">
                <a:solidFill>
                  <a:schemeClr val="tx2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2135460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5" r:id="rId1"/>
    <p:sldLayoutId id="2147483662" r:id="rId2"/>
    <p:sldLayoutId id="2147483663" r:id="rId3"/>
    <p:sldLayoutId id="2147483669" r:id="rId4"/>
    <p:sldLayoutId id="2147483670" r:id="rId5"/>
    <p:sldLayoutId id="2147483675" r:id="rId6"/>
    <p:sldLayoutId id="2147483676" r:id="rId7"/>
    <p:sldLayoutId id="2147483677" r:id="rId8"/>
    <p:sldLayoutId id="2147483740" r:id="rId9"/>
    <p:sldLayoutId id="2147483682" r:id="rId10"/>
    <p:sldLayoutId id="2147483737" r:id="rId11"/>
    <p:sldLayoutId id="2147483754" r:id="rId12"/>
    <p:sldLayoutId id="2147483755" r:id="rId13"/>
    <p:sldLayoutId id="2147483742" r:id="rId14"/>
    <p:sldLayoutId id="2147483743" r:id="rId15"/>
    <p:sldLayoutId id="2147483744" r:id="rId16"/>
    <p:sldLayoutId id="2147483745" r:id="rId17"/>
    <p:sldLayoutId id="2147483717" r:id="rId18"/>
    <p:sldLayoutId id="2147483709" r:id="rId19"/>
    <p:sldLayoutId id="2147483712" r:id="rId20"/>
    <p:sldLayoutId id="2147483746" r:id="rId21"/>
    <p:sldLayoutId id="2147483747" r:id="rId22"/>
    <p:sldLayoutId id="2147483748" r:id="rId23"/>
    <p:sldLayoutId id="2147483749" r:id="rId24"/>
    <p:sldLayoutId id="2147483723" r:id="rId25"/>
    <p:sldLayoutId id="2147483689" r:id="rId26"/>
    <p:sldLayoutId id="2147483691" r:id="rId27"/>
    <p:sldLayoutId id="2147483703" r:id="rId28"/>
    <p:sldLayoutId id="2147483684" r:id="rId29"/>
    <p:sldLayoutId id="2147483750" r:id="rId30"/>
    <p:sldLayoutId id="2147483751" r:id="rId31"/>
    <p:sldLayoutId id="2147483752" r:id="rId32"/>
    <p:sldLayoutId id="2147483753" r:id="rId33"/>
    <p:sldLayoutId id="2147483735" r:id="rId34"/>
    <p:sldLayoutId id="2147483739" r:id="rId35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dt="0"/>
  <p:txStyles>
    <p:titleStyle>
      <a:lvl1pPr algn="l" defTabSz="457200" rtl="0" eaLnBrk="1" latinLnBrk="0" hangingPunct="1">
        <a:lnSpc>
          <a:spcPct val="90000"/>
        </a:lnSpc>
        <a:spcBef>
          <a:spcPct val="0"/>
        </a:spcBef>
        <a:buNone/>
        <a:defRPr sz="2115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457200" rtl="0" eaLnBrk="1" latinLnBrk="0" hangingPunct="1">
        <a:lnSpc>
          <a:spcPct val="101000"/>
        </a:lnSpc>
        <a:spcBef>
          <a:spcPts val="0"/>
        </a:spcBef>
        <a:spcAft>
          <a:spcPts val="150"/>
        </a:spcAft>
        <a:buFont typeface="Arial" panose="020B0604020202020204" pitchFamily="34" charset="0"/>
        <a:buNone/>
        <a:defRPr sz="1200" kern="1200">
          <a:solidFill>
            <a:schemeClr val="accent1"/>
          </a:solidFill>
          <a:latin typeface="+mn-lt"/>
          <a:ea typeface="+mn-ea"/>
          <a:cs typeface="+mn-cs"/>
        </a:defRPr>
      </a:lvl1pPr>
      <a:lvl2pPr marL="234000" indent="-126000" algn="l" defTabSz="457200" rtl="0" eaLnBrk="1" latinLnBrk="0" hangingPunct="1">
        <a:lnSpc>
          <a:spcPct val="101000"/>
        </a:lnSpc>
        <a:spcBef>
          <a:spcPts val="0"/>
        </a:spcBef>
        <a:spcAft>
          <a:spcPts val="150"/>
        </a:spcAft>
        <a:buClrTx/>
        <a:buFont typeface="Wingdings" panose="05000000000000000000" pitchFamily="2" charset="2"/>
        <a:buChar char=""/>
        <a:defRPr sz="1200" kern="1200">
          <a:solidFill>
            <a:schemeClr val="accent1"/>
          </a:solidFill>
          <a:latin typeface="+mn-lt"/>
          <a:ea typeface="+mn-ea"/>
          <a:cs typeface="+mn-cs"/>
        </a:defRPr>
      </a:lvl2pPr>
      <a:lvl3pPr marL="360000" indent="-126000" algn="l" defTabSz="457200" rtl="0" eaLnBrk="1" latinLnBrk="0" hangingPunct="1">
        <a:lnSpc>
          <a:spcPct val="101000"/>
        </a:lnSpc>
        <a:spcBef>
          <a:spcPts val="0"/>
        </a:spcBef>
        <a:spcAft>
          <a:spcPts val="150"/>
        </a:spcAft>
        <a:buFont typeface="Poppins" panose="00000500000000000000" pitchFamily="2" charset="0"/>
        <a:buChar char="–"/>
        <a:defRPr sz="1200" kern="1200">
          <a:solidFill>
            <a:schemeClr val="accent1"/>
          </a:solidFill>
          <a:latin typeface="+mn-lt"/>
          <a:ea typeface="+mn-ea"/>
          <a:cs typeface="+mn-cs"/>
        </a:defRPr>
      </a:lvl3pPr>
      <a:lvl4pPr marL="0" indent="0" algn="l" defTabSz="457200" rtl="0" eaLnBrk="1" latinLnBrk="0" hangingPunct="1">
        <a:lnSpc>
          <a:spcPct val="101000"/>
        </a:lnSpc>
        <a:spcBef>
          <a:spcPts val="0"/>
        </a:spcBef>
        <a:spcAft>
          <a:spcPts val="150"/>
        </a:spcAft>
        <a:buFont typeface="Arial" panose="020B0604020202020204" pitchFamily="34" charset="0"/>
        <a:buNone/>
        <a:defRPr sz="1200" b="1" kern="1200">
          <a:solidFill>
            <a:schemeClr val="accent1"/>
          </a:solidFill>
          <a:latin typeface="+mn-lt"/>
          <a:ea typeface="+mn-ea"/>
          <a:cs typeface="+mn-cs"/>
        </a:defRPr>
      </a:lvl4pPr>
      <a:lvl5pPr marL="0" indent="0" algn="l" defTabSz="457200" rtl="0" eaLnBrk="1" latinLnBrk="0" hangingPunct="1">
        <a:lnSpc>
          <a:spcPct val="101000"/>
        </a:lnSpc>
        <a:spcBef>
          <a:spcPts val="0"/>
        </a:spcBef>
        <a:spcAft>
          <a:spcPts val="300"/>
        </a:spcAft>
        <a:buFont typeface="Arial" panose="020B0604020202020204" pitchFamily="34" charset="0"/>
        <a:buNone/>
        <a:defRPr lang="fr-FR" sz="1200" b="1" kern="1200" cap="none" baseline="0">
          <a:solidFill>
            <a:schemeClr val="accent3"/>
          </a:solidFill>
          <a:latin typeface="+mn-lt"/>
          <a:ea typeface="+mn-ea"/>
          <a:cs typeface="+mn-cs"/>
        </a:defRPr>
      </a:lvl5pPr>
      <a:lvl6pPr marL="1143000" indent="0" algn="l" defTabSz="457200" rtl="0" eaLnBrk="1" latinLnBrk="0" hangingPunct="1">
        <a:lnSpc>
          <a:spcPct val="101000"/>
        </a:lnSpc>
        <a:spcBef>
          <a:spcPts val="0"/>
        </a:spcBef>
        <a:spcAft>
          <a:spcPts val="300"/>
        </a:spcAft>
        <a:buFont typeface="Arial" panose="020B0604020202020204" pitchFamily="34" charset="0"/>
        <a:buNone/>
        <a:defRPr sz="900" kern="1200">
          <a:solidFill>
            <a:schemeClr val="tx1"/>
          </a:solidFill>
          <a:latin typeface="+mn-lt"/>
          <a:ea typeface="+mn-ea"/>
          <a:cs typeface="+mn-cs"/>
        </a:defRPr>
      </a:lvl6pPr>
      <a:lvl7pPr marL="1485900" indent="-114300" algn="l" defTabSz="457200" rtl="0" eaLnBrk="1" latinLnBrk="0" hangingPunct="1">
        <a:lnSpc>
          <a:spcPct val="90000"/>
        </a:lnSpc>
        <a:spcBef>
          <a:spcPts val="250"/>
        </a:spcBef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7pPr>
      <a:lvl8pPr marL="1714500" indent="-114300" algn="l" defTabSz="457200" rtl="0" eaLnBrk="1" latinLnBrk="0" hangingPunct="1">
        <a:lnSpc>
          <a:spcPct val="90000"/>
        </a:lnSpc>
        <a:spcBef>
          <a:spcPts val="250"/>
        </a:spcBef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8pPr>
      <a:lvl9pPr marL="1943100" indent="-114300" algn="l" defTabSz="457200" rtl="0" eaLnBrk="1" latinLnBrk="0" hangingPunct="1">
        <a:lnSpc>
          <a:spcPct val="90000"/>
        </a:lnSpc>
        <a:spcBef>
          <a:spcPts val="250"/>
        </a:spcBef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fr-FR"/>
      </a:defPPr>
      <a:lvl1pPr marL="0" algn="l" defTabSz="457200" rtl="0" eaLnBrk="1" latinLnBrk="0" hangingPunct="1">
        <a:defRPr sz="900" kern="1200">
          <a:solidFill>
            <a:schemeClr val="tx1"/>
          </a:solidFill>
          <a:latin typeface="+mn-lt"/>
          <a:ea typeface="+mn-ea"/>
          <a:cs typeface="+mn-cs"/>
        </a:defRPr>
      </a:lvl1pPr>
      <a:lvl2pPr marL="228600" algn="l" defTabSz="457200" rtl="0" eaLnBrk="1" latinLnBrk="0" hangingPunct="1">
        <a:defRPr sz="900" kern="1200">
          <a:solidFill>
            <a:schemeClr val="tx1"/>
          </a:solidFill>
          <a:latin typeface="+mn-lt"/>
          <a:ea typeface="+mn-ea"/>
          <a:cs typeface="+mn-cs"/>
        </a:defRPr>
      </a:lvl2pPr>
      <a:lvl3pPr marL="457200" algn="l" defTabSz="457200" rtl="0" eaLnBrk="1" latinLnBrk="0" hangingPunct="1">
        <a:defRPr sz="900" kern="1200">
          <a:solidFill>
            <a:schemeClr val="tx1"/>
          </a:solidFill>
          <a:latin typeface="+mn-lt"/>
          <a:ea typeface="+mn-ea"/>
          <a:cs typeface="+mn-cs"/>
        </a:defRPr>
      </a:lvl3pPr>
      <a:lvl4pPr marL="685800" algn="l" defTabSz="457200" rtl="0" eaLnBrk="1" latinLnBrk="0" hangingPunct="1">
        <a:defRPr sz="900" kern="1200">
          <a:solidFill>
            <a:schemeClr val="tx1"/>
          </a:solidFill>
          <a:latin typeface="+mn-lt"/>
          <a:ea typeface="+mn-ea"/>
          <a:cs typeface="+mn-cs"/>
        </a:defRPr>
      </a:lvl4pPr>
      <a:lvl5pPr marL="914400" algn="l" defTabSz="457200" rtl="0" eaLnBrk="1" latinLnBrk="0" hangingPunct="1">
        <a:defRPr sz="900" kern="1200">
          <a:solidFill>
            <a:schemeClr val="tx1"/>
          </a:solidFill>
          <a:latin typeface="+mn-lt"/>
          <a:ea typeface="+mn-ea"/>
          <a:cs typeface="+mn-cs"/>
        </a:defRPr>
      </a:lvl5pPr>
      <a:lvl6pPr marL="1143000" algn="l" defTabSz="457200" rtl="0" eaLnBrk="1" latinLnBrk="0" hangingPunct="1">
        <a:defRPr sz="900" kern="1200">
          <a:solidFill>
            <a:schemeClr val="tx1"/>
          </a:solidFill>
          <a:latin typeface="+mn-lt"/>
          <a:ea typeface="+mn-ea"/>
          <a:cs typeface="+mn-cs"/>
        </a:defRPr>
      </a:lvl6pPr>
      <a:lvl7pPr marL="1371600" algn="l" defTabSz="457200" rtl="0" eaLnBrk="1" latinLnBrk="0" hangingPunct="1">
        <a:defRPr sz="900" kern="1200">
          <a:solidFill>
            <a:schemeClr val="tx1"/>
          </a:solidFill>
          <a:latin typeface="+mn-lt"/>
          <a:ea typeface="+mn-ea"/>
          <a:cs typeface="+mn-cs"/>
        </a:defRPr>
      </a:lvl7pPr>
      <a:lvl8pPr marL="1600200" algn="l" defTabSz="457200" rtl="0" eaLnBrk="1" latinLnBrk="0" hangingPunct="1">
        <a:defRPr sz="900" kern="1200">
          <a:solidFill>
            <a:schemeClr val="tx1"/>
          </a:solidFill>
          <a:latin typeface="+mn-lt"/>
          <a:ea typeface="+mn-ea"/>
          <a:cs typeface="+mn-cs"/>
        </a:defRPr>
      </a:lvl8pPr>
      <a:lvl9pPr marL="1828800" algn="l" defTabSz="457200" rtl="0" eaLnBrk="1" latinLnBrk="0" hangingPunct="1"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15160">
          <p15:clr>
            <a:srgbClr val="F26B43"/>
          </p15:clr>
        </p15:guide>
        <p15:guide id="3" pos="5117">
          <p15:clr>
            <a:srgbClr val="F26B43"/>
          </p15:clr>
        </p15:guide>
        <p15:guide id="4" pos="10234">
          <p15:clr>
            <a:srgbClr val="F26B43"/>
          </p15:clr>
        </p15:guide>
        <p15:guide id="5" orient="horz">
          <p15:clr>
            <a:srgbClr val="F26B43"/>
          </p15:clr>
        </p15:guide>
        <p15:guide id="6" orient="horz" pos="8640">
          <p15:clr>
            <a:srgbClr val="F26B43"/>
          </p15:clr>
        </p15:guide>
        <p15:guide id="7" orient="horz" pos="2880">
          <p15:clr>
            <a:srgbClr val="F26B43"/>
          </p15:clr>
        </p15:guide>
        <p15:guide id="8" orient="horz" pos="5760">
          <p15:clr>
            <a:srgbClr val="F26B43"/>
          </p15:clr>
        </p15:guide>
        <p15:guide id="9" pos="237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3.png"/><Relationship Id="rId2" Type="http://schemas.openxmlformats.org/officeDocument/2006/relationships/slideLayout" Target="../slideLayouts/slideLayout11.xml"/><Relationship Id="rId1" Type="http://schemas.openxmlformats.org/officeDocument/2006/relationships/themeOverride" Target="../theme/themeOverride1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3.png"/><Relationship Id="rId2" Type="http://schemas.openxmlformats.org/officeDocument/2006/relationships/slideLayout" Target="../slideLayouts/slideLayout11.xml"/><Relationship Id="rId1" Type="http://schemas.openxmlformats.org/officeDocument/2006/relationships/themeOverride" Target="../theme/themeOverride2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4.png"/><Relationship Id="rId1" Type="http://schemas.openxmlformats.org/officeDocument/2006/relationships/slideLayout" Target="../slideLayouts/slideLayout11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4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5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11.xml"/><Relationship Id="rId5" Type="http://schemas.openxmlformats.org/officeDocument/2006/relationships/image" Target="../media/image39.jpeg"/><Relationship Id="rId4" Type="http://schemas.openxmlformats.org/officeDocument/2006/relationships/image" Target="../media/image38.jpeg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png"/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11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2.png"/><Relationship Id="rId1" Type="http://schemas.openxmlformats.org/officeDocument/2006/relationships/slideLayout" Target="../slideLayouts/slideLayout11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re 8">
            <a:extLst>
              <a:ext uri="{FF2B5EF4-FFF2-40B4-BE49-F238E27FC236}">
                <a16:creationId xmlns:a16="http://schemas.microsoft.com/office/drawing/2014/main" id="{2CC24C86-6F63-31C3-DC8D-2BFAEFAF309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26994" y="3025866"/>
            <a:ext cx="5339603" cy="886846"/>
          </a:xfrm>
        </p:spPr>
        <p:txBody>
          <a:bodyPr/>
          <a:lstStyle/>
          <a:p>
            <a:r>
              <a:rPr lang="fr-FR" dirty="0"/>
              <a:t>Techorama</a:t>
            </a:r>
          </a:p>
        </p:txBody>
      </p:sp>
      <p:sp>
        <p:nvSpPr>
          <p:cNvPr id="10" name="Sous-titre 9">
            <a:extLst>
              <a:ext uri="{FF2B5EF4-FFF2-40B4-BE49-F238E27FC236}">
                <a16:creationId xmlns:a16="http://schemas.microsoft.com/office/drawing/2014/main" id="{770FAA60-B183-2A4B-5C26-A7935A36492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3637325" y="3904253"/>
            <a:ext cx="8105825" cy="886846"/>
          </a:xfrm>
        </p:spPr>
        <p:txBody>
          <a:bodyPr/>
          <a:lstStyle/>
          <a:p>
            <a:r>
              <a:rPr lang="fr-FR" dirty="0"/>
              <a:t>Lightning talk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FB8EE2C-2B1A-BC61-5483-2886FBA2CE21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3636962" y="5153025"/>
            <a:ext cx="6929437" cy="741293"/>
          </a:xfrm>
        </p:spPr>
        <p:txBody>
          <a:bodyPr/>
          <a:lstStyle/>
          <a:p>
            <a:r>
              <a:rPr lang="en-US" sz="1600" dirty="0"/>
              <a:t>Releasing to Azure using User Assigned Managed Identity</a:t>
            </a:r>
            <a:br>
              <a:rPr lang="en-US" sz="1600" dirty="0"/>
            </a:br>
            <a:br>
              <a:rPr lang="en-US" sz="1600" dirty="0"/>
            </a:br>
            <a:r>
              <a:rPr lang="en-US" sz="1600" dirty="0" err="1"/>
              <a:t>Kinepolis</a:t>
            </a:r>
            <a:r>
              <a:rPr lang="en-US" sz="1600" dirty="0"/>
              <a:t> Antwerp</a:t>
            </a:r>
            <a:endParaRPr lang="en-US" dirty="0"/>
          </a:p>
        </p:txBody>
      </p:sp>
      <p:sp>
        <p:nvSpPr>
          <p:cNvPr id="2" name="Espace réservé du numéro de diapositive 1">
            <a:extLst>
              <a:ext uri="{FF2B5EF4-FFF2-40B4-BE49-F238E27FC236}">
                <a16:creationId xmlns:a16="http://schemas.microsoft.com/office/drawing/2014/main" id="{26EFD5D1-8560-9DDA-01B6-2C1ECBB236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793330" y="6655402"/>
            <a:ext cx="248573" cy="96180"/>
          </a:xfrm>
        </p:spPr>
        <p:txBody>
          <a:bodyPr/>
          <a:lstStyle/>
          <a:p>
            <a:fld id="{D742B3B5-001A-49B4-9F0B-784570D91E55}" type="slidenum">
              <a:rPr lang="fr-FR" smtClean="0"/>
              <a:pPr/>
              <a:t>1</a:t>
            </a:fld>
            <a:endParaRPr lang="fr-FR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054568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94F141-C79B-E99E-BEA6-E611BC22864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 err="1"/>
              <a:t>Requirements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B493696-3F70-FAC4-4CE7-EB0DBC5114D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6275" y="1253493"/>
            <a:ext cx="10700490" cy="1566134"/>
          </a:xfrm>
        </p:spPr>
        <p:txBody>
          <a:bodyPr vert="horz" wrap="square" lIns="0" tIns="0" rIns="0" bIns="0" rtlCol="0">
            <a:spAutoFit/>
          </a:bodyPr>
          <a:lstStyle/>
          <a:p>
            <a:pPr marL="342900" indent="-342900">
              <a:buChar char="•"/>
            </a:pPr>
            <a:r>
              <a:rPr lang="nl-BE" sz="2400" dirty="0" err="1"/>
              <a:t>Azure</a:t>
            </a:r>
            <a:r>
              <a:rPr lang="nl-BE" sz="2400" dirty="0"/>
              <a:t> DevOps</a:t>
            </a:r>
          </a:p>
          <a:p>
            <a:pPr marL="576900" lvl="1" indent="-342900"/>
            <a:r>
              <a:rPr lang="nl-BE" sz="1800" dirty="0" err="1"/>
              <a:t>Permissions</a:t>
            </a:r>
            <a:r>
              <a:rPr lang="nl-BE" sz="1800" dirty="0"/>
              <a:t> </a:t>
            </a:r>
            <a:r>
              <a:rPr lang="nl-BE" sz="1800" dirty="0" err="1"/>
              <a:t>to</a:t>
            </a:r>
            <a:r>
              <a:rPr lang="nl-BE" sz="1800" dirty="0"/>
              <a:t> </a:t>
            </a:r>
            <a:r>
              <a:rPr lang="nl-BE" sz="1800" dirty="0" err="1"/>
              <a:t>create</a:t>
            </a:r>
            <a:r>
              <a:rPr lang="nl-BE" sz="1800" dirty="0"/>
              <a:t> a service </a:t>
            </a:r>
            <a:r>
              <a:rPr lang="nl-BE" sz="1800" dirty="0" err="1"/>
              <a:t>connection</a:t>
            </a:r>
            <a:endParaRPr lang="nl-BE" sz="1800" dirty="0"/>
          </a:p>
          <a:p>
            <a:pPr marL="342900" indent="-342900"/>
            <a:endParaRPr lang="nl-BE" sz="1050" dirty="0"/>
          </a:p>
          <a:p>
            <a:pPr marL="342900" indent="-342900">
              <a:buChar char="•"/>
            </a:pPr>
            <a:r>
              <a:rPr lang="nl-BE" sz="2400" dirty="0"/>
              <a:t>Resource </a:t>
            </a:r>
            <a:r>
              <a:rPr lang="nl-BE" sz="2400" dirty="0" err="1"/>
              <a:t>group</a:t>
            </a:r>
            <a:endParaRPr lang="nl-BE" sz="2400" dirty="0"/>
          </a:p>
          <a:p>
            <a:pPr marL="576900" lvl="1" indent="-342900"/>
            <a:r>
              <a:rPr lang="nl-BE" sz="1800" dirty="0" err="1"/>
              <a:t>Contributor</a:t>
            </a:r>
            <a:r>
              <a:rPr lang="nl-BE" sz="1800" dirty="0"/>
              <a:t> </a:t>
            </a:r>
            <a:r>
              <a:rPr lang="nl-BE" sz="1800" dirty="0" err="1"/>
              <a:t>role</a:t>
            </a:r>
            <a:endParaRPr lang="en-GB" sz="1050" dirty="0"/>
          </a:p>
        </p:txBody>
      </p:sp>
    </p:spTree>
    <p:extLst>
      <p:ext uri="{BB962C8B-B14F-4D97-AF65-F5344CB8AC3E}">
        <p14:creationId xmlns:p14="http://schemas.microsoft.com/office/powerpoint/2010/main" val="18759555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94F141-C79B-E99E-BEA6-E611BC22864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/>
              <a:t>Set up User </a:t>
            </a:r>
            <a:r>
              <a:rPr lang="nl-BE" dirty="0" err="1"/>
              <a:t>Assigned</a:t>
            </a:r>
            <a:r>
              <a:rPr lang="nl-BE" dirty="0"/>
              <a:t> </a:t>
            </a:r>
            <a:r>
              <a:rPr lang="nl-BE" dirty="0" err="1"/>
              <a:t>Managed</a:t>
            </a:r>
            <a:r>
              <a:rPr lang="nl-BE" dirty="0"/>
              <a:t> Identity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B493696-3F70-FAC4-4CE7-EB0DBC5114D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6275" y="1253493"/>
            <a:ext cx="10700490" cy="3592137"/>
          </a:xfrm>
        </p:spPr>
        <p:txBody>
          <a:bodyPr vert="horz" wrap="square" lIns="0" tIns="0" rIns="0" bIns="0" rtlCol="0">
            <a:spAutoFit/>
          </a:bodyPr>
          <a:lstStyle/>
          <a:p>
            <a:pPr marL="342900" indent="-342900">
              <a:buChar char="•"/>
            </a:pPr>
            <a:r>
              <a:rPr lang="nl-BE" sz="2400" dirty="0" err="1"/>
              <a:t>Azure</a:t>
            </a:r>
            <a:r>
              <a:rPr lang="nl-BE" sz="2400" dirty="0"/>
              <a:t> Portal (or </a:t>
            </a:r>
            <a:r>
              <a:rPr lang="nl-BE" sz="2400" dirty="0" err="1"/>
              <a:t>Bicep</a:t>
            </a:r>
            <a:r>
              <a:rPr lang="nl-BE" sz="2400" dirty="0"/>
              <a:t>)</a:t>
            </a:r>
          </a:p>
          <a:p>
            <a:pPr marL="576900" lvl="1" indent="-342900">
              <a:buFont typeface="Arial" panose="020B0604020202020204" pitchFamily="34" charset="0"/>
              <a:buChar char="•"/>
            </a:pPr>
            <a:r>
              <a:rPr lang="nl-BE" sz="1800" dirty="0"/>
              <a:t>User </a:t>
            </a:r>
            <a:r>
              <a:rPr lang="nl-BE" sz="1800" dirty="0" err="1"/>
              <a:t>Assigned</a:t>
            </a:r>
            <a:r>
              <a:rPr lang="nl-BE" sz="1800" dirty="0"/>
              <a:t> </a:t>
            </a:r>
            <a:r>
              <a:rPr lang="nl-BE" sz="1800" dirty="0" err="1"/>
              <a:t>Managed</a:t>
            </a:r>
            <a:r>
              <a:rPr lang="nl-BE" sz="1800" dirty="0"/>
              <a:t> Identity</a:t>
            </a:r>
          </a:p>
          <a:p>
            <a:pPr marL="702900" lvl="2" indent="-342900">
              <a:buFont typeface="Arial" panose="020B0604020202020204" pitchFamily="34" charset="0"/>
              <a:buChar char="•"/>
            </a:pPr>
            <a:r>
              <a:rPr lang="nl-BE" sz="1400" dirty="0"/>
              <a:t>Name (mi-…)</a:t>
            </a:r>
          </a:p>
          <a:p>
            <a:pPr marL="576900" lvl="1" indent="-342900">
              <a:buFont typeface="Arial" panose="020B0604020202020204" pitchFamily="34" charset="0"/>
              <a:buChar char="•"/>
            </a:pPr>
            <a:endParaRPr lang="nl-BE" sz="1800" dirty="0"/>
          </a:p>
          <a:p>
            <a:pPr marL="576900" lvl="1" indent="-342900">
              <a:buFont typeface="Arial" panose="020B0604020202020204" pitchFamily="34" charset="0"/>
              <a:buChar char="•"/>
            </a:pPr>
            <a:r>
              <a:rPr lang="nl-BE" sz="1800" dirty="0" err="1"/>
              <a:t>Add</a:t>
            </a:r>
            <a:r>
              <a:rPr lang="nl-BE" sz="1800" dirty="0"/>
              <a:t> Federated </a:t>
            </a:r>
            <a:r>
              <a:rPr lang="nl-BE" sz="1800" dirty="0" err="1"/>
              <a:t>credentials</a:t>
            </a:r>
            <a:r>
              <a:rPr lang="nl-BE" sz="1800" dirty="0"/>
              <a:t> </a:t>
            </a:r>
            <a:r>
              <a:rPr lang="nl-BE" sz="1800" dirty="0" err="1"/>
              <a:t>to</a:t>
            </a:r>
            <a:r>
              <a:rPr lang="nl-BE" sz="1800" dirty="0"/>
              <a:t> User </a:t>
            </a:r>
            <a:r>
              <a:rPr lang="nl-BE" sz="1800" dirty="0" err="1"/>
              <a:t>Assigned</a:t>
            </a:r>
            <a:r>
              <a:rPr lang="nl-BE" sz="1800" dirty="0"/>
              <a:t> </a:t>
            </a:r>
            <a:r>
              <a:rPr lang="nl-BE" sz="1800" dirty="0" err="1"/>
              <a:t>Managed</a:t>
            </a:r>
            <a:r>
              <a:rPr lang="nl-BE" sz="1800" dirty="0"/>
              <a:t> Identity</a:t>
            </a:r>
          </a:p>
          <a:p>
            <a:pPr marL="702900" lvl="2" indent="-342900">
              <a:buFont typeface="Arial" panose="020B0604020202020204" pitchFamily="34" charset="0"/>
              <a:buChar char="•"/>
            </a:pPr>
            <a:r>
              <a:rPr lang="nl-BE" sz="1400" dirty="0"/>
              <a:t>Scenario: </a:t>
            </a:r>
            <a:r>
              <a:rPr lang="nl-BE" sz="1400" dirty="0" err="1"/>
              <a:t>Other</a:t>
            </a:r>
            <a:endParaRPr lang="nl-BE" sz="1400" dirty="0"/>
          </a:p>
          <a:p>
            <a:pPr marL="702900" lvl="2" indent="-342900">
              <a:buFont typeface="Arial" panose="020B0604020202020204" pitchFamily="34" charset="0"/>
              <a:buChar char="•"/>
            </a:pPr>
            <a:r>
              <a:rPr lang="nl-BE" sz="1400" dirty="0" err="1"/>
              <a:t>Issuer</a:t>
            </a:r>
            <a:r>
              <a:rPr lang="nl-BE" sz="1400" dirty="0"/>
              <a:t> URL (See service </a:t>
            </a:r>
            <a:r>
              <a:rPr lang="nl-BE" sz="1400" dirty="0" err="1"/>
              <a:t>connection</a:t>
            </a:r>
            <a:r>
              <a:rPr lang="nl-BE" sz="1400" dirty="0"/>
              <a:t> </a:t>
            </a:r>
            <a:r>
              <a:rPr lang="nl-BE" sz="1400" dirty="0" err="1"/>
              <a:t>Azure</a:t>
            </a:r>
            <a:r>
              <a:rPr lang="nl-BE" sz="1400" dirty="0"/>
              <a:t> DevOps)</a:t>
            </a:r>
          </a:p>
          <a:p>
            <a:pPr marL="702900" lvl="2" indent="-342900">
              <a:buFont typeface="Arial" panose="020B0604020202020204" pitchFamily="34" charset="0"/>
              <a:buChar char="•"/>
            </a:pPr>
            <a:r>
              <a:rPr lang="nl-BE" sz="1400" dirty="0"/>
              <a:t>Subject </a:t>
            </a:r>
            <a:r>
              <a:rPr lang="nl-BE" sz="1400" dirty="0" err="1"/>
              <a:t>Identifier</a:t>
            </a:r>
            <a:r>
              <a:rPr lang="nl-BE" sz="1400" dirty="0"/>
              <a:t> (See service </a:t>
            </a:r>
            <a:r>
              <a:rPr lang="nl-BE" sz="1400" dirty="0" err="1"/>
              <a:t>connection</a:t>
            </a:r>
            <a:r>
              <a:rPr lang="nl-BE" sz="1400" dirty="0"/>
              <a:t> </a:t>
            </a:r>
            <a:r>
              <a:rPr lang="nl-BE" sz="1400" dirty="0" err="1"/>
              <a:t>Azure</a:t>
            </a:r>
            <a:r>
              <a:rPr lang="nl-BE" sz="1400" dirty="0"/>
              <a:t> DevOps)</a:t>
            </a:r>
          </a:p>
          <a:p>
            <a:pPr marL="702900" lvl="2" indent="-342900">
              <a:buFont typeface="Arial" panose="020B0604020202020204" pitchFamily="34" charset="0"/>
              <a:buChar char="•"/>
            </a:pPr>
            <a:r>
              <a:rPr lang="nl-BE" sz="1400" dirty="0"/>
              <a:t>Name</a:t>
            </a:r>
          </a:p>
          <a:p>
            <a:pPr marL="576900" lvl="1" indent="-342900">
              <a:buFont typeface="Arial" panose="020B0604020202020204" pitchFamily="34" charset="0"/>
              <a:buChar char="•"/>
            </a:pPr>
            <a:endParaRPr lang="nl-BE" sz="1800" dirty="0"/>
          </a:p>
          <a:p>
            <a:pPr marL="576900" lvl="1" indent="-342900">
              <a:buFont typeface="Arial" panose="020B0604020202020204" pitchFamily="34" charset="0"/>
              <a:buChar char="•"/>
            </a:pPr>
            <a:r>
              <a:rPr lang="nl-BE" sz="1800" dirty="0" err="1"/>
              <a:t>Add</a:t>
            </a:r>
            <a:r>
              <a:rPr lang="nl-BE" sz="1800" dirty="0"/>
              <a:t> </a:t>
            </a:r>
            <a:r>
              <a:rPr lang="nl-BE" sz="1800" dirty="0" err="1"/>
              <a:t>contributor</a:t>
            </a:r>
            <a:r>
              <a:rPr lang="nl-BE" sz="1800" dirty="0"/>
              <a:t> </a:t>
            </a:r>
            <a:r>
              <a:rPr lang="nl-BE" sz="1800" dirty="0" err="1"/>
              <a:t>permissions</a:t>
            </a:r>
            <a:r>
              <a:rPr lang="nl-BE" sz="1800" dirty="0"/>
              <a:t> </a:t>
            </a:r>
            <a:r>
              <a:rPr lang="nl-BE" sz="1800" dirty="0" err="1"/>
              <a:t>to</a:t>
            </a:r>
            <a:r>
              <a:rPr lang="nl-BE" sz="1800" dirty="0"/>
              <a:t> resources</a:t>
            </a:r>
          </a:p>
          <a:p>
            <a:pPr marL="702900" lvl="2" indent="-342900">
              <a:buFont typeface="Arial" panose="020B0604020202020204" pitchFamily="34" charset="0"/>
              <a:buChar char="•"/>
            </a:pPr>
            <a:r>
              <a:rPr lang="nl-BE" sz="1400" dirty="0"/>
              <a:t>Resource Group </a:t>
            </a:r>
            <a:r>
              <a:rPr lang="nl-BE" sz="1400" dirty="0">
                <a:sym typeface="Wingdings" panose="05000000000000000000" pitchFamily="2" charset="2"/>
              </a:rPr>
              <a:t> </a:t>
            </a:r>
            <a:r>
              <a:rPr lang="nl-BE" sz="1400" dirty="0" err="1">
                <a:sym typeface="Wingdings" panose="05000000000000000000" pitchFamily="2" charset="2"/>
              </a:rPr>
              <a:t>Contributor</a:t>
            </a:r>
            <a:r>
              <a:rPr lang="nl-BE" sz="1400" dirty="0">
                <a:sym typeface="Wingdings" panose="05000000000000000000" pitchFamily="2" charset="2"/>
              </a:rPr>
              <a:t> (RBAC)</a:t>
            </a:r>
            <a:endParaRPr lang="nl-BE" sz="1400" dirty="0"/>
          </a:p>
          <a:p>
            <a:pPr marL="702900" lvl="2" indent="-342900">
              <a:buFont typeface="Arial" panose="020B0604020202020204" pitchFamily="34" charset="0"/>
              <a:buChar char="•"/>
            </a:pPr>
            <a:r>
              <a:rPr lang="nl-BE" sz="1400" dirty="0" err="1"/>
              <a:t>Azure</a:t>
            </a:r>
            <a:r>
              <a:rPr lang="nl-BE" sz="1400" dirty="0"/>
              <a:t> </a:t>
            </a:r>
            <a:r>
              <a:rPr lang="nl-BE" sz="1400" dirty="0" err="1"/>
              <a:t>Key</a:t>
            </a:r>
            <a:r>
              <a:rPr lang="nl-BE" sz="1400" dirty="0"/>
              <a:t> </a:t>
            </a:r>
            <a:r>
              <a:rPr lang="nl-BE" sz="1400" dirty="0" err="1"/>
              <a:t>Vault</a:t>
            </a:r>
            <a:r>
              <a:rPr lang="nl-BE" sz="1400" dirty="0"/>
              <a:t> </a:t>
            </a:r>
            <a:r>
              <a:rPr lang="nl-BE" sz="1400" dirty="0">
                <a:sym typeface="Wingdings" panose="05000000000000000000" pitchFamily="2" charset="2"/>
              </a:rPr>
              <a:t> </a:t>
            </a:r>
            <a:r>
              <a:rPr lang="nl-BE" sz="1400" dirty="0" err="1">
                <a:sym typeface="Wingdings" panose="05000000000000000000" pitchFamily="2" charset="2"/>
              </a:rPr>
              <a:t>Key</a:t>
            </a:r>
            <a:r>
              <a:rPr lang="nl-BE" sz="1400" dirty="0">
                <a:sym typeface="Wingdings" panose="05000000000000000000" pitchFamily="2" charset="2"/>
              </a:rPr>
              <a:t> </a:t>
            </a:r>
            <a:r>
              <a:rPr lang="nl-BE" sz="1400" dirty="0" err="1">
                <a:sym typeface="Wingdings" panose="05000000000000000000" pitchFamily="2" charset="2"/>
              </a:rPr>
              <a:t>Vault</a:t>
            </a:r>
            <a:r>
              <a:rPr lang="nl-BE" sz="1400" dirty="0">
                <a:sym typeface="Wingdings" panose="05000000000000000000" pitchFamily="2" charset="2"/>
              </a:rPr>
              <a:t> Reader (RBAC) or </a:t>
            </a:r>
            <a:r>
              <a:rPr lang="nl-BE" sz="1400" dirty="0" err="1">
                <a:sym typeface="Wingdings" panose="05000000000000000000" pitchFamily="2" charset="2"/>
              </a:rPr>
              <a:t>through</a:t>
            </a:r>
            <a:r>
              <a:rPr lang="nl-BE" sz="1400" dirty="0">
                <a:sym typeface="Wingdings" panose="05000000000000000000" pitchFamily="2" charset="2"/>
              </a:rPr>
              <a:t> Access </a:t>
            </a:r>
            <a:r>
              <a:rPr lang="nl-BE" sz="1400" dirty="0" err="1">
                <a:sym typeface="Wingdings" panose="05000000000000000000" pitchFamily="2" charset="2"/>
              </a:rPr>
              <a:t>Policies</a:t>
            </a:r>
            <a:endParaRPr lang="nl-BE" sz="1400" dirty="0">
              <a:sym typeface="Wingdings" panose="05000000000000000000" pitchFamily="2" charset="2"/>
            </a:endParaRPr>
          </a:p>
          <a:p>
            <a:pPr marL="702900" lvl="2" indent="-342900">
              <a:buFont typeface="Arial" panose="020B0604020202020204" pitchFamily="34" charset="0"/>
              <a:buChar char="•"/>
            </a:pPr>
            <a:r>
              <a:rPr lang="nl-BE" sz="1400" dirty="0">
                <a:sym typeface="Wingdings" panose="05000000000000000000" pitchFamily="2" charset="2"/>
              </a:rPr>
              <a:t>Storage account  Storage </a:t>
            </a:r>
            <a:r>
              <a:rPr lang="nl-BE" sz="1400" dirty="0" err="1">
                <a:sym typeface="Wingdings" panose="05000000000000000000" pitchFamily="2" charset="2"/>
              </a:rPr>
              <a:t>Blob</a:t>
            </a:r>
            <a:r>
              <a:rPr lang="nl-BE" sz="1400" dirty="0">
                <a:sym typeface="Wingdings" panose="05000000000000000000" pitchFamily="2" charset="2"/>
              </a:rPr>
              <a:t> Data </a:t>
            </a:r>
            <a:r>
              <a:rPr lang="nl-BE" sz="1400" dirty="0" err="1">
                <a:sym typeface="Wingdings" panose="05000000000000000000" pitchFamily="2" charset="2"/>
              </a:rPr>
              <a:t>Contributor</a:t>
            </a:r>
            <a:r>
              <a:rPr lang="nl-BE" sz="1400" dirty="0">
                <a:sym typeface="Wingdings" panose="05000000000000000000" pitchFamily="2" charset="2"/>
              </a:rPr>
              <a:t> (RBAC)</a:t>
            </a:r>
            <a:endParaRPr lang="nl-BE" sz="1400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C3BE2854-1C68-B3A0-FBD0-D276F271ED0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263355" y="5287032"/>
            <a:ext cx="9526329" cy="10669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481286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94F141-C79B-E99E-BEA6-E611BC22864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/>
              <a:t>Set up Service Connection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B493696-3F70-FAC4-4CE7-EB0DBC5114D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6275" y="1253493"/>
            <a:ext cx="10700490" cy="2744790"/>
          </a:xfrm>
        </p:spPr>
        <p:txBody>
          <a:bodyPr vert="horz" wrap="square" lIns="0" tIns="0" rIns="0" bIns="0" rtlCol="0">
            <a:spAutoFit/>
          </a:bodyPr>
          <a:lstStyle/>
          <a:p>
            <a:pPr marL="342900" indent="-342900">
              <a:buChar char="•"/>
            </a:pPr>
            <a:r>
              <a:rPr lang="nl-BE" sz="2400" dirty="0" err="1"/>
              <a:t>Azure</a:t>
            </a:r>
            <a:r>
              <a:rPr lang="nl-BE" sz="2400" dirty="0"/>
              <a:t> DevOps</a:t>
            </a:r>
          </a:p>
          <a:p>
            <a:pPr marL="576900" lvl="1" indent="-342900">
              <a:buFont typeface="Arial" panose="020B0604020202020204" pitchFamily="34" charset="0"/>
              <a:buChar char="•"/>
            </a:pPr>
            <a:r>
              <a:rPr lang="nl-BE" sz="1800" dirty="0" err="1"/>
              <a:t>Create</a:t>
            </a:r>
            <a:r>
              <a:rPr lang="nl-BE" sz="1800" dirty="0"/>
              <a:t> a new Service </a:t>
            </a:r>
            <a:r>
              <a:rPr lang="nl-BE" sz="1800" dirty="0" err="1"/>
              <a:t>connection</a:t>
            </a:r>
            <a:endParaRPr lang="nl-BE" sz="1800" dirty="0"/>
          </a:p>
          <a:p>
            <a:pPr marL="702900" lvl="2" indent="-342900">
              <a:buFont typeface="Arial" panose="020B0604020202020204" pitchFamily="34" charset="0"/>
              <a:buChar char="•"/>
            </a:pPr>
            <a:r>
              <a:rPr lang="en-GB" sz="1400" dirty="0"/>
              <a:t>Azure Resource Manager with Workload Identity federation (manual)</a:t>
            </a:r>
            <a:endParaRPr lang="nl-BE" sz="1400" dirty="0"/>
          </a:p>
          <a:p>
            <a:pPr marL="576900" lvl="1" indent="-342900">
              <a:buFont typeface="Arial" panose="020B0604020202020204" pitchFamily="34" charset="0"/>
              <a:buChar char="•"/>
            </a:pPr>
            <a:endParaRPr lang="nl-BE" sz="1800" dirty="0"/>
          </a:p>
          <a:p>
            <a:pPr marL="576900" lvl="1" indent="-342900">
              <a:buFont typeface="Arial" panose="020B0604020202020204" pitchFamily="34" charset="0"/>
              <a:buChar char="•"/>
            </a:pPr>
            <a:r>
              <a:rPr lang="nl-BE" sz="1800" dirty="0"/>
              <a:t>Set </a:t>
            </a:r>
            <a:r>
              <a:rPr lang="nl-BE" sz="1800" dirty="0" err="1"/>
              <a:t>properties</a:t>
            </a:r>
            <a:endParaRPr lang="nl-BE" sz="1800" dirty="0"/>
          </a:p>
          <a:p>
            <a:pPr marL="702900" lvl="2" indent="-342900">
              <a:buFont typeface="Arial" panose="020B0604020202020204" pitchFamily="34" charset="0"/>
              <a:buChar char="•"/>
            </a:pPr>
            <a:r>
              <a:rPr lang="nl-BE" sz="1400" dirty="0" err="1"/>
              <a:t>SubscriptionId</a:t>
            </a:r>
            <a:endParaRPr lang="nl-BE" sz="1400" dirty="0"/>
          </a:p>
          <a:p>
            <a:pPr marL="702900" lvl="2" indent="-342900">
              <a:buFont typeface="Arial" panose="020B0604020202020204" pitchFamily="34" charset="0"/>
              <a:buChar char="•"/>
            </a:pPr>
            <a:r>
              <a:rPr lang="nl-BE" sz="1400" dirty="0"/>
              <a:t>Subscription Name</a:t>
            </a:r>
          </a:p>
          <a:p>
            <a:pPr marL="702900" lvl="2" indent="-342900">
              <a:buFont typeface="Arial" panose="020B0604020202020204" pitchFamily="34" charset="0"/>
              <a:buChar char="•"/>
            </a:pPr>
            <a:r>
              <a:rPr lang="nl-BE" sz="1400" dirty="0"/>
              <a:t>Service </a:t>
            </a:r>
            <a:r>
              <a:rPr lang="nl-BE" sz="1400" dirty="0" err="1"/>
              <a:t>Principal</a:t>
            </a:r>
            <a:r>
              <a:rPr lang="nl-BE" sz="1400" dirty="0"/>
              <a:t> ID (Client ID)</a:t>
            </a:r>
          </a:p>
          <a:p>
            <a:pPr marL="702900" lvl="2" indent="-342900">
              <a:buFont typeface="Arial" panose="020B0604020202020204" pitchFamily="34" charset="0"/>
              <a:buChar char="•"/>
            </a:pPr>
            <a:r>
              <a:rPr lang="nl-BE" sz="1400" dirty="0"/>
              <a:t>Tenant ID</a:t>
            </a:r>
          </a:p>
          <a:p>
            <a:pPr marL="702900" lvl="2" indent="-342900">
              <a:buFont typeface="Arial" panose="020B0604020202020204" pitchFamily="34" charset="0"/>
              <a:buChar char="•"/>
            </a:pPr>
            <a:endParaRPr lang="nl-BE" sz="1400" dirty="0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CB4E7417-3214-FF9C-8803-1CFB97194A1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263355" y="4223163"/>
            <a:ext cx="9526329" cy="10669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9739340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9A79A338-D1D6-6EB3-92A8-5B5DAA0EA59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958340" y="0"/>
            <a:ext cx="827532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858453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>
            <a:extLst>
              <a:ext uri="{FF2B5EF4-FFF2-40B4-BE49-F238E27FC236}">
                <a16:creationId xmlns:a16="http://schemas.microsoft.com/office/drawing/2014/main" id="{3D43E48E-16B8-1F27-06A7-2FAC9C973FB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685265" y="2596860"/>
            <a:ext cx="9319285" cy="1308050"/>
          </a:xfrm>
        </p:spPr>
        <p:txBody>
          <a:bodyPr/>
          <a:lstStyle/>
          <a:p>
            <a:r>
              <a:rPr lang="nl-BE" sz="10200" dirty="0" err="1"/>
              <a:t>Conclusion</a:t>
            </a:r>
            <a:endParaRPr lang="en-GB" sz="10200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F7E44A7-B90B-40FF-2ACC-31D140EBDDF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392503" y="3981460"/>
            <a:ext cx="4062009" cy="3583225"/>
          </a:xfrm>
        </p:spPr>
        <p:txBody>
          <a:bodyPr/>
          <a:lstStyle/>
          <a:p>
            <a:r>
              <a:rPr lang="nl-BE" dirty="0"/>
              <a:t>04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029709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94F141-C79B-E99E-BEA6-E611BC22864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 err="1"/>
              <a:t>Key</a:t>
            </a:r>
            <a:r>
              <a:rPr lang="nl-BE" dirty="0"/>
              <a:t> take-</a:t>
            </a:r>
            <a:r>
              <a:rPr lang="nl-BE" dirty="0" err="1"/>
              <a:t>aways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B493696-3F70-FAC4-4CE7-EB0DBC5114D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6275" y="1253493"/>
            <a:ext cx="10700490" cy="1960793"/>
          </a:xfrm>
        </p:spPr>
        <p:txBody>
          <a:bodyPr vert="horz" wrap="square" lIns="0" tIns="0" rIns="0" bIns="0" rtlCol="0">
            <a:spAutoFit/>
          </a:bodyPr>
          <a:lstStyle/>
          <a:p>
            <a:pPr marL="342900" indent="-342900">
              <a:buChar char="•"/>
            </a:pPr>
            <a:r>
              <a:rPr lang="nl-BE" sz="2400" dirty="0"/>
              <a:t>No </a:t>
            </a:r>
            <a:r>
              <a:rPr lang="nl-BE" sz="2400" dirty="0" err="1"/>
              <a:t>need</a:t>
            </a:r>
            <a:r>
              <a:rPr lang="nl-BE" sz="2400" dirty="0"/>
              <a:t> </a:t>
            </a:r>
            <a:r>
              <a:rPr lang="nl-BE" sz="2400" dirty="0" err="1"/>
              <a:t>for</a:t>
            </a:r>
            <a:r>
              <a:rPr lang="nl-BE" sz="2400" dirty="0"/>
              <a:t> </a:t>
            </a:r>
            <a:r>
              <a:rPr lang="nl-BE" sz="2400" dirty="0" err="1"/>
              <a:t>Entra</a:t>
            </a:r>
            <a:r>
              <a:rPr lang="nl-BE" sz="2400" dirty="0"/>
              <a:t> ID </a:t>
            </a:r>
            <a:r>
              <a:rPr lang="nl-BE" sz="2400" dirty="0" err="1"/>
              <a:t>permissions</a:t>
            </a:r>
            <a:endParaRPr lang="nl-BE" sz="2400" dirty="0"/>
          </a:p>
          <a:p>
            <a:pPr marL="342900" indent="-342900">
              <a:buChar char="•"/>
            </a:pPr>
            <a:endParaRPr lang="nl-BE" sz="2400" dirty="0"/>
          </a:p>
          <a:p>
            <a:pPr marL="342900" indent="-342900">
              <a:buChar char="•"/>
            </a:pPr>
            <a:r>
              <a:rPr lang="nl-BE" sz="2400" dirty="0"/>
              <a:t>Easy set up, easy </a:t>
            </a:r>
            <a:r>
              <a:rPr lang="nl-BE" sz="2400" dirty="0" err="1"/>
              <a:t>to</a:t>
            </a:r>
            <a:r>
              <a:rPr lang="nl-BE" sz="2400" dirty="0"/>
              <a:t> manage</a:t>
            </a:r>
          </a:p>
          <a:p>
            <a:pPr marL="342900" indent="-342900">
              <a:buChar char="•"/>
            </a:pPr>
            <a:endParaRPr lang="nl-BE" sz="2400" dirty="0"/>
          </a:p>
          <a:p>
            <a:pPr marL="342900" indent="-342900">
              <a:buChar char="•"/>
            </a:pPr>
            <a:r>
              <a:rPr lang="nl-BE" sz="2400" dirty="0"/>
              <a:t>Fine-</a:t>
            </a:r>
            <a:r>
              <a:rPr lang="nl-BE" sz="2400" dirty="0" err="1"/>
              <a:t>grained</a:t>
            </a:r>
            <a:r>
              <a:rPr lang="nl-BE" sz="2400" dirty="0"/>
              <a:t> access control</a:t>
            </a:r>
            <a:endParaRPr lang="en-GB" sz="1050" dirty="0"/>
          </a:p>
        </p:txBody>
      </p:sp>
    </p:spTree>
    <p:extLst>
      <p:ext uri="{BB962C8B-B14F-4D97-AF65-F5344CB8AC3E}">
        <p14:creationId xmlns:p14="http://schemas.microsoft.com/office/powerpoint/2010/main" val="385644066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re 2">
            <a:extLst>
              <a:ext uri="{FF2B5EF4-FFF2-40B4-BE49-F238E27FC236}">
                <a16:creationId xmlns:a16="http://schemas.microsoft.com/office/drawing/2014/main" id="{3FBA8D0F-38F1-8E18-6A36-A14C27F424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92023" y="2752202"/>
            <a:ext cx="8271877" cy="1169166"/>
          </a:xfrm>
        </p:spPr>
        <p:txBody>
          <a:bodyPr/>
          <a:lstStyle/>
          <a:p>
            <a:pPr algn="ctr"/>
            <a:r>
              <a:rPr lang="fr-FR" sz="8800" dirty="0"/>
              <a:t>Q&amp;A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277209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1538351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94F141-C79B-E99E-BEA6-E611BC22864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/>
              <a:t>Hi, I </a:t>
            </a:r>
            <a:r>
              <a:rPr lang="nl-BE" dirty="0" err="1"/>
              <a:t>am</a:t>
            </a:r>
            <a:r>
              <a:rPr lang="nl-BE" dirty="0"/>
              <a:t> Jerry!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B493696-3F70-FAC4-4CE7-EB0DBC5114D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6275" y="1253493"/>
            <a:ext cx="10700490" cy="3675558"/>
          </a:xfrm>
        </p:spPr>
        <p:txBody>
          <a:bodyPr vert="horz" wrap="square" lIns="0" tIns="0" rIns="0" bIns="0" rtlCol="0">
            <a:spAutoFit/>
          </a:bodyPr>
          <a:lstStyle/>
          <a:p>
            <a:pPr marL="342900" indent="-342900">
              <a:buChar char="•"/>
            </a:pPr>
            <a:r>
              <a:rPr lang="nl-BE" sz="2400" dirty="0"/>
              <a:t>Active in IT </a:t>
            </a:r>
            <a:r>
              <a:rPr lang="nl-BE" sz="2400" dirty="0" err="1"/>
              <a:t>since</a:t>
            </a:r>
            <a:r>
              <a:rPr lang="nl-BE" sz="2400" dirty="0"/>
              <a:t> 2006</a:t>
            </a:r>
          </a:p>
          <a:p>
            <a:pPr marL="342900" indent="-342900">
              <a:buChar char="•"/>
            </a:pPr>
            <a:endParaRPr lang="nl-BE" sz="2400" dirty="0"/>
          </a:p>
          <a:p>
            <a:pPr marL="342900" indent="-342900">
              <a:buChar char="•"/>
            </a:pPr>
            <a:r>
              <a:rPr lang="nl-BE" sz="2400" dirty="0"/>
              <a:t>.NET Software Architect @ </a:t>
            </a:r>
            <a:r>
              <a:rPr lang="nl-BE" sz="2400" dirty="0" err="1"/>
              <a:t>Inetum</a:t>
            </a:r>
            <a:endParaRPr lang="nl-BE" sz="2400" dirty="0"/>
          </a:p>
          <a:p>
            <a:pPr marL="576900" lvl="1" indent="-342900">
              <a:buFont typeface="Arial" panose="020B0604020202020204" pitchFamily="34" charset="0"/>
              <a:buChar char="•"/>
            </a:pPr>
            <a:r>
              <a:rPr lang="nl-BE" sz="1800" dirty="0"/>
              <a:t>Technical Lead DevOps-Team Zanzibar</a:t>
            </a:r>
          </a:p>
          <a:p>
            <a:pPr marL="342900" indent="-342900">
              <a:buChar char="•"/>
            </a:pPr>
            <a:endParaRPr lang="nl-BE" sz="2400" dirty="0"/>
          </a:p>
          <a:p>
            <a:pPr marL="342900" indent="-342900">
              <a:buChar char="•"/>
            </a:pPr>
            <a:r>
              <a:rPr lang="nl-BE" sz="2400" dirty="0" err="1"/>
              <a:t>Loves</a:t>
            </a:r>
            <a:r>
              <a:rPr lang="nl-BE" sz="2400" dirty="0"/>
              <a:t> </a:t>
            </a:r>
            <a:r>
              <a:rPr lang="nl-BE" sz="2400" dirty="0" err="1"/>
              <a:t>automating</a:t>
            </a:r>
            <a:r>
              <a:rPr lang="nl-BE" sz="2400" dirty="0"/>
              <a:t> </a:t>
            </a:r>
            <a:r>
              <a:rPr lang="nl-BE" sz="2400" dirty="0" err="1"/>
              <a:t>monkeyjobs</a:t>
            </a:r>
            <a:endParaRPr lang="nl-BE" sz="2400" dirty="0"/>
          </a:p>
          <a:p>
            <a:pPr marL="342900" indent="-342900">
              <a:buChar char="•"/>
            </a:pPr>
            <a:endParaRPr lang="nl-BE" sz="2400" dirty="0"/>
          </a:p>
          <a:p>
            <a:pPr marL="576900" lvl="1" indent="-342900">
              <a:buFont typeface="Arial" panose="020B0604020202020204" pitchFamily="34" charset="0"/>
              <a:buChar char="•"/>
            </a:pPr>
            <a:r>
              <a:rPr lang="nl-BE" sz="1800" dirty="0" err="1"/>
              <a:t>jerry.vanechelpoel@inetum-realdolmen.world</a:t>
            </a:r>
            <a:endParaRPr lang="nl-BE" sz="1800" dirty="0"/>
          </a:p>
          <a:p>
            <a:pPr marL="576900" lvl="1" indent="-342900">
              <a:buFont typeface="Arial" panose="020B0604020202020204" pitchFamily="34" charset="0"/>
              <a:buChar char="•"/>
            </a:pPr>
            <a:endParaRPr lang="nl-BE" sz="1800" dirty="0"/>
          </a:p>
          <a:p>
            <a:pPr marL="576900" lvl="1" indent="-342900">
              <a:buFont typeface="Arial" panose="020B0604020202020204" pitchFamily="34" charset="0"/>
              <a:buChar char="•"/>
            </a:pPr>
            <a:r>
              <a:rPr lang="nl-BE" sz="1800" dirty="0"/>
              <a:t>www.linkedin.com/in/jerryvanechelpoel</a:t>
            </a:r>
          </a:p>
        </p:txBody>
      </p:sp>
      <p:pic>
        <p:nvPicPr>
          <p:cNvPr id="3" name="Picture 4" descr="https://media.licdn.com/mpr/mpr/shrink_200_200/AAEAAQAAAAAAAANyAAAAJGRlZTNlZDQwLTk4YTItNDA1MS04MzBjLWJmNGQ5M2RmZGUxYw.png">
            <a:extLst>
              <a:ext uri="{FF2B5EF4-FFF2-40B4-BE49-F238E27FC236}">
                <a16:creationId xmlns:a16="http://schemas.microsoft.com/office/drawing/2014/main" id="{75DDE295-717F-B9E1-6536-11E19D6D382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71276" y="4544639"/>
            <a:ext cx="288000" cy="288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" name="Picture 3" descr="https://cdn2.iconfinder.com/data/icons/ios-7-style-metro-ui-icons/512/MetroUI_Mail.png">
            <a:extLst>
              <a:ext uri="{FF2B5EF4-FFF2-40B4-BE49-F238E27FC236}">
                <a16:creationId xmlns:a16="http://schemas.microsoft.com/office/drawing/2014/main" id="{77D9935F-4BC0-0091-7E7F-092625BC5A6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19596" y="3900416"/>
            <a:ext cx="360000" cy="360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" name="Picture 4" descr="A person with spiky hair wearing a brown shirt&#10;&#10;Description automatically generated">
            <a:extLst>
              <a:ext uri="{FF2B5EF4-FFF2-40B4-BE49-F238E27FC236}">
                <a16:creationId xmlns:a16="http://schemas.microsoft.com/office/drawing/2014/main" id="{5107040A-F82F-7C8F-9E66-1F14C6DA2A29}"/>
              </a:ext>
            </a:extLst>
          </p:cNvPr>
          <p:cNvPicPr>
            <a:picLocks noChangeAspect="1"/>
          </p:cNvPicPr>
          <p:nvPr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79305" y="945037"/>
            <a:ext cx="1836420" cy="1919894"/>
          </a:xfrm>
          <a:prstGeom prst="rect">
            <a:avLst/>
          </a:prstGeom>
        </p:spPr>
      </p:pic>
      <p:pic>
        <p:nvPicPr>
          <p:cNvPr id="6" name="Picture 5" descr="A group of people in a room&#10;&#10;Description automatically generated">
            <a:extLst>
              <a:ext uri="{FF2B5EF4-FFF2-40B4-BE49-F238E27FC236}">
                <a16:creationId xmlns:a16="http://schemas.microsoft.com/office/drawing/2014/main" id="{FD357E86-CBEF-1295-CF4E-0AEAA052A9D7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0336" r="29615"/>
          <a:stretch/>
        </p:blipFill>
        <p:spPr>
          <a:xfrm>
            <a:off x="7042594" y="3423971"/>
            <a:ext cx="3393875" cy="31323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134451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>
            <a:extLst>
              <a:ext uri="{FF2B5EF4-FFF2-40B4-BE49-F238E27FC236}">
                <a16:creationId xmlns:a16="http://schemas.microsoft.com/office/drawing/2014/main" id="{3D43E48E-16B8-1F27-06A7-2FAC9C973FB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685265" y="2596860"/>
            <a:ext cx="9319285" cy="1308050"/>
          </a:xfrm>
        </p:spPr>
        <p:txBody>
          <a:bodyPr/>
          <a:lstStyle/>
          <a:p>
            <a:r>
              <a:rPr lang="nl-BE" sz="10200" dirty="0"/>
              <a:t>Context</a:t>
            </a:r>
            <a:endParaRPr lang="en-GB" sz="10200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F7E44A7-B90B-40FF-2ACC-31D140EBDDF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392503" y="3981460"/>
            <a:ext cx="3146695" cy="3583225"/>
          </a:xfrm>
        </p:spPr>
        <p:txBody>
          <a:bodyPr/>
          <a:lstStyle/>
          <a:p>
            <a:r>
              <a:rPr lang="nl-BE" dirty="0"/>
              <a:t>01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5232026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94F141-C79B-E99E-BEA6-E611BC22864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/>
              <a:t>Releasing software </a:t>
            </a:r>
            <a:r>
              <a:rPr lang="nl-BE" dirty="0" err="1"/>
              <a:t>to</a:t>
            </a:r>
            <a:r>
              <a:rPr lang="nl-BE" dirty="0"/>
              <a:t> </a:t>
            </a:r>
            <a:r>
              <a:rPr lang="nl-BE" dirty="0" err="1"/>
              <a:t>Azure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B493696-3F70-FAC4-4CE7-EB0DBC5114D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6275" y="1253493"/>
            <a:ext cx="10700490" cy="4191917"/>
          </a:xfrm>
        </p:spPr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nl-BE" sz="2400" dirty="0" err="1"/>
              <a:t>Requires</a:t>
            </a:r>
            <a:r>
              <a:rPr lang="nl-BE" sz="2400" dirty="0"/>
              <a:t> resources on </a:t>
            </a:r>
            <a:r>
              <a:rPr lang="nl-BE" sz="2400" dirty="0" err="1"/>
              <a:t>Azure</a:t>
            </a:r>
            <a:endParaRPr lang="nl-BE" sz="2400" dirty="0"/>
          </a:p>
          <a:p>
            <a:pPr marL="576900" lvl="1" indent="-342900">
              <a:buFont typeface="Arial" panose="020B0604020202020204" pitchFamily="34" charset="0"/>
              <a:buChar char="•"/>
            </a:pPr>
            <a:r>
              <a:rPr lang="nl-BE" sz="1800" dirty="0" err="1"/>
              <a:t>Azure</a:t>
            </a:r>
            <a:r>
              <a:rPr lang="nl-BE" sz="1800" dirty="0"/>
              <a:t> </a:t>
            </a:r>
            <a:r>
              <a:rPr lang="nl-BE" sz="1800" dirty="0" err="1"/>
              <a:t>Key</a:t>
            </a:r>
            <a:r>
              <a:rPr lang="nl-BE" sz="1800" dirty="0"/>
              <a:t> </a:t>
            </a:r>
            <a:r>
              <a:rPr lang="nl-BE" sz="1800" dirty="0" err="1"/>
              <a:t>Vault</a:t>
            </a:r>
            <a:endParaRPr lang="nl-BE" sz="1800" dirty="0"/>
          </a:p>
          <a:p>
            <a:pPr marL="576900" lvl="1" indent="-342900">
              <a:buFont typeface="Arial" panose="020B0604020202020204" pitchFamily="34" charset="0"/>
              <a:buChar char="•"/>
            </a:pPr>
            <a:r>
              <a:rPr lang="nl-BE" sz="1800" dirty="0"/>
              <a:t>Storage Account</a:t>
            </a:r>
          </a:p>
          <a:p>
            <a:pPr marL="576900" lvl="1" indent="-342900">
              <a:buFont typeface="Arial" panose="020B0604020202020204" pitchFamily="34" charset="0"/>
              <a:buChar char="•"/>
            </a:pPr>
            <a:r>
              <a:rPr lang="nl-BE" sz="1800" dirty="0"/>
              <a:t>Web App Service</a:t>
            </a:r>
          </a:p>
          <a:p>
            <a:pPr marL="576900" lvl="1" indent="-342900">
              <a:buFont typeface="Arial" panose="020B0604020202020204" pitchFamily="34" charset="0"/>
              <a:buChar char="•"/>
            </a:pPr>
            <a:r>
              <a:rPr lang="nl-BE" sz="1800" dirty="0" err="1"/>
              <a:t>Azure</a:t>
            </a:r>
            <a:r>
              <a:rPr lang="nl-BE" sz="1800" dirty="0"/>
              <a:t> </a:t>
            </a:r>
            <a:r>
              <a:rPr lang="nl-BE" sz="1800" dirty="0" err="1"/>
              <a:t>Functions</a:t>
            </a:r>
            <a:endParaRPr lang="nl-BE" sz="1800" dirty="0"/>
          </a:p>
          <a:p>
            <a:pPr marL="576900" lvl="1" indent="-342900">
              <a:buFont typeface="Arial" panose="020B0604020202020204" pitchFamily="34" charset="0"/>
              <a:buChar char="•"/>
            </a:pPr>
            <a:r>
              <a:rPr lang="nl-BE" sz="1800" dirty="0"/>
              <a:t>…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l-BE" sz="240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l-BE" sz="2400" dirty="0" err="1"/>
              <a:t>Azure</a:t>
            </a:r>
            <a:r>
              <a:rPr lang="nl-BE" sz="2400" dirty="0"/>
              <a:t> resources are </a:t>
            </a:r>
            <a:r>
              <a:rPr lang="nl-BE" sz="2400" dirty="0" err="1"/>
              <a:t>protected</a:t>
            </a:r>
            <a:endParaRPr lang="nl-BE" sz="240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nl-BE" sz="240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l-BE" sz="2400" dirty="0"/>
              <a:t>Access </a:t>
            </a:r>
            <a:r>
              <a:rPr lang="nl-BE" sz="2400" dirty="0" err="1"/>
              <a:t>to</a:t>
            </a:r>
            <a:r>
              <a:rPr lang="nl-BE" sz="2400" dirty="0"/>
              <a:t> resources </a:t>
            </a:r>
            <a:r>
              <a:rPr lang="nl-BE" sz="2400" dirty="0" err="1"/>
              <a:t>needs</a:t>
            </a:r>
            <a:r>
              <a:rPr lang="nl-BE" sz="2400" dirty="0"/>
              <a:t> </a:t>
            </a:r>
            <a:r>
              <a:rPr lang="nl-BE" sz="2400" dirty="0" err="1"/>
              <a:t>to</a:t>
            </a:r>
            <a:r>
              <a:rPr lang="nl-BE" sz="2400" dirty="0"/>
              <a:t> </a:t>
            </a:r>
            <a:r>
              <a:rPr lang="nl-BE" sz="2400" dirty="0" err="1"/>
              <a:t>be</a:t>
            </a:r>
            <a:r>
              <a:rPr lang="nl-BE" sz="2400" dirty="0"/>
              <a:t> </a:t>
            </a:r>
            <a:r>
              <a:rPr lang="nl-BE" sz="2400" dirty="0" err="1"/>
              <a:t>granted</a:t>
            </a:r>
            <a:r>
              <a:rPr lang="nl-BE" sz="2400" dirty="0"/>
              <a:t> </a:t>
            </a:r>
            <a:r>
              <a:rPr lang="nl-BE" sz="2400" dirty="0" err="1"/>
              <a:t>to</a:t>
            </a:r>
            <a:r>
              <a:rPr lang="nl-BE" sz="2400" dirty="0"/>
              <a:t> </a:t>
            </a:r>
            <a:r>
              <a:rPr lang="nl-BE" sz="2400" dirty="0" err="1"/>
              <a:t>deploy</a:t>
            </a:r>
            <a:r>
              <a:rPr lang="nl-BE" sz="2400" dirty="0"/>
              <a:t> software</a:t>
            </a:r>
          </a:p>
          <a:p>
            <a:pPr marL="576900" lvl="1" indent="-342900">
              <a:buFont typeface="Arial" panose="020B0604020202020204" pitchFamily="34" charset="0"/>
              <a:buChar char="•"/>
            </a:pPr>
            <a:r>
              <a:rPr lang="nl-BE" sz="1800" dirty="0"/>
              <a:t>App </a:t>
            </a:r>
            <a:r>
              <a:rPr lang="nl-BE" sz="1800" dirty="0" err="1"/>
              <a:t>registration</a:t>
            </a:r>
            <a:r>
              <a:rPr lang="nl-BE" sz="1800" dirty="0"/>
              <a:t> </a:t>
            </a:r>
            <a:r>
              <a:rPr lang="nl-BE" sz="1800" dirty="0" err="1"/>
              <a:t>with</a:t>
            </a:r>
            <a:r>
              <a:rPr lang="nl-BE" sz="1800" dirty="0"/>
              <a:t> </a:t>
            </a:r>
            <a:r>
              <a:rPr lang="nl-BE" sz="1800" dirty="0" err="1"/>
              <a:t>the</a:t>
            </a:r>
            <a:r>
              <a:rPr lang="nl-BE" sz="1800" dirty="0"/>
              <a:t> </a:t>
            </a:r>
            <a:r>
              <a:rPr lang="nl-BE" sz="1800" dirty="0" err="1"/>
              <a:t>necessary</a:t>
            </a:r>
            <a:r>
              <a:rPr lang="nl-BE" sz="1800" dirty="0"/>
              <a:t> </a:t>
            </a:r>
            <a:r>
              <a:rPr lang="nl-BE" sz="1800" dirty="0" err="1"/>
              <a:t>permissions</a:t>
            </a:r>
            <a:endParaRPr lang="en-GB" sz="1800" dirty="0"/>
          </a:p>
          <a:p>
            <a:endParaRPr lang="en-GB" sz="2400" dirty="0"/>
          </a:p>
        </p:txBody>
      </p:sp>
    </p:spTree>
    <p:extLst>
      <p:ext uri="{BB962C8B-B14F-4D97-AF65-F5344CB8AC3E}">
        <p14:creationId xmlns:p14="http://schemas.microsoft.com/office/powerpoint/2010/main" val="38682793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8909C1E-2A97-126E-C3E8-FF5FE0F23B3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 err="1"/>
              <a:t>Example</a:t>
            </a:r>
            <a:endParaRPr lang="en-GB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3EB4FF9A-CA14-D4E3-27EA-4E51203EF3C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76275" y="1358782"/>
            <a:ext cx="6690315" cy="505081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F20229B3-FAC4-B515-8E05-4CE1F10BEA4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809463" y="1358782"/>
            <a:ext cx="3305985" cy="50508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5298580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94F141-C79B-E99E-BEA6-E611BC22864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/>
              <a:t>The </a:t>
            </a:r>
            <a:r>
              <a:rPr lang="nl-BE" dirty="0" err="1"/>
              <a:t>problem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B493696-3F70-FAC4-4CE7-EB0DBC5114D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6275" y="1253493"/>
            <a:ext cx="10700490" cy="3732881"/>
          </a:xfrm>
        </p:spPr>
        <p:txBody>
          <a:bodyPr vert="horz" wrap="square" lIns="0" tIns="0" rIns="0" bIns="0" rtlCol="0">
            <a:spAutoFit/>
          </a:bodyPr>
          <a:lstStyle/>
          <a:p>
            <a:pPr marL="342900" indent="-342900">
              <a:buChar char="•"/>
            </a:pPr>
            <a:r>
              <a:rPr lang="nl-BE" sz="2400" dirty="0"/>
              <a:t>App </a:t>
            </a:r>
            <a:r>
              <a:rPr lang="nl-BE" sz="2400" dirty="0" err="1"/>
              <a:t>registrations</a:t>
            </a:r>
            <a:r>
              <a:rPr lang="nl-BE" sz="2400" dirty="0"/>
              <a:t> are </a:t>
            </a:r>
            <a:r>
              <a:rPr lang="nl-BE" sz="2400" dirty="0" err="1"/>
              <a:t>created</a:t>
            </a:r>
            <a:r>
              <a:rPr lang="nl-BE" sz="2400" dirty="0"/>
              <a:t> </a:t>
            </a:r>
            <a:r>
              <a:rPr lang="nl-BE" sz="2400" dirty="0" err="1"/>
              <a:t>through</a:t>
            </a:r>
            <a:r>
              <a:rPr lang="nl-BE" sz="2400" dirty="0"/>
              <a:t> </a:t>
            </a:r>
            <a:r>
              <a:rPr lang="nl-BE" sz="2400" dirty="0" err="1"/>
              <a:t>Entra</a:t>
            </a:r>
            <a:r>
              <a:rPr lang="nl-BE" sz="2400" dirty="0"/>
              <a:t> ID</a:t>
            </a:r>
          </a:p>
          <a:p>
            <a:pPr marL="576900" lvl="1" indent="-342900">
              <a:buFont typeface="Arial" panose="020B0604020202020204" pitchFamily="34" charset="0"/>
              <a:buChar char="•"/>
            </a:pPr>
            <a:r>
              <a:rPr lang="nl-BE" sz="1800" dirty="0" err="1"/>
              <a:t>Not</a:t>
            </a:r>
            <a:r>
              <a:rPr lang="nl-BE" sz="1800" dirty="0"/>
              <a:t> </a:t>
            </a:r>
            <a:r>
              <a:rPr lang="nl-BE" sz="1800" dirty="0" err="1"/>
              <a:t>everyone</a:t>
            </a:r>
            <a:r>
              <a:rPr lang="nl-BE" sz="1800" dirty="0"/>
              <a:t> </a:t>
            </a:r>
            <a:r>
              <a:rPr lang="nl-BE" sz="1800" dirty="0" err="1"/>
              <a:t>can</a:t>
            </a:r>
            <a:r>
              <a:rPr lang="nl-BE" sz="1800" dirty="0"/>
              <a:t> manage </a:t>
            </a:r>
            <a:r>
              <a:rPr lang="nl-BE" sz="1800" dirty="0" err="1"/>
              <a:t>Entra</a:t>
            </a:r>
            <a:r>
              <a:rPr lang="nl-BE" sz="1800" dirty="0"/>
              <a:t> ID</a:t>
            </a:r>
          </a:p>
          <a:p>
            <a:pPr marL="702900" lvl="2" indent="-342900">
              <a:buFont typeface="Arial" panose="020B0604020202020204" pitchFamily="34" charset="0"/>
              <a:buChar char="•"/>
            </a:pPr>
            <a:r>
              <a:rPr lang="nl-BE" sz="1400" dirty="0">
                <a:sym typeface="Wingdings" panose="05000000000000000000" pitchFamily="2" charset="2"/>
              </a:rPr>
              <a:t>Application Developer </a:t>
            </a:r>
            <a:r>
              <a:rPr lang="nl-BE" sz="1400" dirty="0" err="1">
                <a:sym typeface="Wingdings" panose="05000000000000000000" pitchFamily="2" charset="2"/>
              </a:rPr>
              <a:t>role</a:t>
            </a:r>
            <a:r>
              <a:rPr lang="nl-BE" sz="1400" dirty="0">
                <a:sym typeface="Wingdings" panose="05000000000000000000" pitchFamily="2" charset="2"/>
              </a:rPr>
              <a:t> </a:t>
            </a:r>
            <a:r>
              <a:rPr lang="nl-BE" sz="1400" dirty="0" err="1">
                <a:sym typeface="Wingdings" panose="05000000000000000000" pitchFamily="2" charset="2"/>
              </a:rPr>
              <a:t>for</a:t>
            </a:r>
            <a:r>
              <a:rPr lang="nl-BE" sz="1400" dirty="0">
                <a:sym typeface="Wingdings" panose="05000000000000000000" pitchFamily="2" charset="2"/>
              </a:rPr>
              <a:t> </a:t>
            </a:r>
            <a:r>
              <a:rPr lang="nl-BE" sz="1400" dirty="0" err="1">
                <a:sym typeface="Wingdings" panose="05000000000000000000" pitchFamily="2" charset="2"/>
              </a:rPr>
              <a:t>restricted</a:t>
            </a:r>
            <a:r>
              <a:rPr lang="nl-BE" sz="1400" dirty="0">
                <a:sym typeface="Wingdings" panose="05000000000000000000" pitchFamily="2" charset="2"/>
              </a:rPr>
              <a:t> </a:t>
            </a:r>
            <a:r>
              <a:rPr lang="nl-BE" sz="1400" dirty="0" err="1">
                <a:sym typeface="Wingdings" panose="05000000000000000000" pitchFamily="2" charset="2"/>
              </a:rPr>
              <a:t>amount</a:t>
            </a:r>
            <a:r>
              <a:rPr lang="nl-BE" sz="1400" dirty="0">
                <a:sym typeface="Wingdings" panose="05000000000000000000" pitchFamily="2" charset="2"/>
              </a:rPr>
              <a:t> of users</a:t>
            </a:r>
            <a:endParaRPr lang="nl-BE" sz="1800" dirty="0">
              <a:sym typeface="Wingdings" panose="05000000000000000000" pitchFamily="2" charset="2"/>
            </a:endParaRPr>
          </a:p>
          <a:p>
            <a:pPr marL="342900" indent="-342900">
              <a:buChar char="•"/>
            </a:pPr>
            <a:endParaRPr lang="nl-BE" sz="2400" dirty="0">
              <a:sym typeface="Wingdings" panose="05000000000000000000" pitchFamily="2" charset="2"/>
            </a:endParaRPr>
          </a:p>
          <a:p>
            <a:pPr marL="342900" indent="-342900">
              <a:buChar char="•"/>
            </a:pPr>
            <a:r>
              <a:rPr lang="nl-BE" sz="2400" dirty="0" err="1">
                <a:sym typeface="Wingdings" panose="05000000000000000000" pitchFamily="2" charset="2"/>
              </a:rPr>
              <a:t>Pollution</a:t>
            </a:r>
            <a:r>
              <a:rPr lang="nl-BE" sz="2400" dirty="0">
                <a:sym typeface="Wingdings" panose="05000000000000000000" pitchFamily="2" charset="2"/>
              </a:rPr>
              <a:t> of </a:t>
            </a:r>
            <a:r>
              <a:rPr lang="nl-BE" sz="2400" dirty="0" err="1">
                <a:sym typeface="Wingdings" panose="05000000000000000000" pitchFamily="2" charset="2"/>
              </a:rPr>
              <a:t>Entra</a:t>
            </a:r>
            <a:r>
              <a:rPr lang="nl-BE" sz="2400" dirty="0">
                <a:sym typeface="Wingdings" panose="05000000000000000000" pitchFamily="2" charset="2"/>
              </a:rPr>
              <a:t> ID</a:t>
            </a:r>
          </a:p>
          <a:p>
            <a:pPr marL="576900" lvl="1" indent="-342900">
              <a:buFont typeface="Arial" panose="020B0604020202020204" pitchFamily="34" charset="0"/>
              <a:buChar char="•"/>
            </a:pPr>
            <a:r>
              <a:rPr lang="nl-BE" sz="1800" dirty="0">
                <a:sym typeface="Wingdings" panose="05000000000000000000" pitchFamily="2" charset="2"/>
              </a:rPr>
              <a:t>Multiple app </a:t>
            </a:r>
            <a:r>
              <a:rPr lang="nl-BE" sz="1800" dirty="0" err="1">
                <a:sym typeface="Wingdings" panose="05000000000000000000" pitchFamily="2" charset="2"/>
              </a:rPr>
              <a:t>registrations</a:t>
            </a:r>
            <a:r>
              <a:rPr lang="nl-BE" sz="1800" dirty="0">
                <a:sym typeface="Wingdings" panose="05000000000000000000" pitchFamily="2" charset="2"/>
              </a:rPr>
              <a:t> </a:t>
            </a:r>
            <a:r>
              <a:rPr lang="nl-BE" sz="1800" dirty="0" err="1">
                <a:sym typeface="Wingdings" panose="05000000000000000000" pitchFamily="2" charset="2"/>
              </a:rPr>
              <a:t>for</a:t>
            </a:r>
            <a:r>
              <a:rPr lang="nl-BE" sz="1800" dirty="0">
                <a:sym typeface="Wingdings" panose="05000000000000000000" pitchFamily="2" charset="2"/>
              </a:rPr>
              <a:t> different </a:t>
            </a:r>
            <a:r>
              <a:rPr lang="nl-BE" sz="1800" dirty="0" err="1">
                <a:sym typeface="Wingdings" panose="05000000000000000000" pitchFamily="2" charset="2"/>
              </a:rPr>
              <a:t>projects</a:t>
            </a:r>
            <a:endParaRPr lang="nl-BE" sz="1800" dirty="0">
              <a:sym typeface="Wingdings" panose="05000000000000000000" pitchFamily="2" charset="2"/>
            </a:endParaRPr>
          </a:p>
          <a:p>
            <a:pPr marL="576900" lvl="1" indent="-342900">
              <a:buFont typeface="Arial" panose="020B0604020202020204" pitchFamily="34" charset="0"/>
              <a:buChar char="•"/>
            </a:pPr>
            <a:r>
              <a:rPr lang="nl-BE" sz="1800" dirty="0" err="1">
                <a:sym typeface="Wingdings" panose="05000000000000000000" pitchFamily="2" charset="2"/>
              </a:rPr>
              <a:t>Use</a:t>
            </a:r>
            <a:r>
              <a:rPr lang="nl-BE" sz="1800" dirty="0">
                <a:sym typeface="Wingdings" panose="05000000000000000000" pitchFamily="2" charset="2"/>
              </a:rPr>
              <a:t> of app </a:t>
            </a:r>
            <a:r>
              <a:rPr lang="nl-BE" sz="1800" dirty="0" err="1">
                <a:sym typeface="Wingdings" panose="05000000000000000000" pitchFamily="2" charset="2"/>
              </a:rPr>
              <a:t>registrations</a:t>
            </a:r>
            <a:r>
              <a:rPr lang="nl-BE" sz="1800" dirty="0">
                <a:sym typeface="Wingdings" panose="05000000000000000000" pitchFamily="2" charset="2"/>
              </a:rPr>
              <a:t> </a:t>
            </a:r>
            <a:r>
              <a:rPr lang="nl-BE" sz="1800" dirty="0" err="1">
                <a:sym typeface="Wingdings" panose="05000000000000000000" pitchFamily="2" charset="2"/>
              </a:rPr>
              <a:t>should</a:t>
            </a:r>
            <a:r>
              <a:rPr lang="nl-BE" sz="1800" dirty="0">
                <a:sym typeface="Wingdings" panose="05000000000000000000" pitchFamily="2" charset="2"/>
              </a:rPr>
              <a:t> </a:t>
            </a:r>
            <a:r>
              <a:rPr lang="nl-BE" sz="1800" dirty="0" err="1">
                <a:sym typeface="Wingdings" panose="05000000000000000000" pitchFamily="2" charset="2"/>
              </a:rPr>
              <a:t>be</a:t>
            </a:r>
            <a:r>
              <a:rPr lang="nl-BE" sz="1800" dirty="0">
                <a:sym typeface="Wingdings" panose="05000000000000000000" pitchFamily="2" charset="2"/>
              </a:rPr>
              <a:t> </a:t>
            </a:r>
            <a:r>
              <a:rPr lang="nl-BE" sz="1800" dirty="0" err="1">
                <a:sym typeface="Wingdings" panose="05000000000000000000" pitchFamily="2" charset="2"/>
              </a:rPr>
              <a:t>documented</a:t>
            </a:r>
            <a:r>
              <a:rPr lang="nl-BE" sz="1800" dirty="0">
                <a:sym typeface="Wingdings" panose="05000000000000000000" pitchFamily="2" charset="2"/>
              </a:rPr>
              <a:t> well</a:t>
            </a:r>
          </a:p>
          <a:p>
            <a:pPr marL="342900" indent="-342900">
              <a:buChar char="•"/>
            </a:pPr>
            <a:endParaRPr lang="nl-BE" sz="2400" dirty="0">
              <a:sym typeface="Wingdings" panose="05000000000000000000" pitchFamily="2" charset="2"/>
            </a:endParaRPr>
          </a:p>
          <a:p>
            <a:pPr marL="342900" indent="-342900">
              <a:buChar char="•"/>
            </a:pPr>
            <a:r>
              <a:rPr lang="nl-BE" sz="2400" dirty="0">
                <a:sym typeface="Wingdings" panose="05000000000000000000" pitchFamily="2" charset="2"/>
              </a:rPr>
              <a:t>App </a:t>
            </a:r>
            <a:r>
              <a:rPr lang="nl-BE" sz="2400" dirty="0" err="1">
                <a:sym typeface="Wingdings" panose="05000000000000000000" pitchFamily="2" charset="2"/>
              </a:rPr>
              <a:t>registrations</a:t>
            </a:r>
            <a:r>
              <a:rPr lang="nl-BE" sz="2400" dirty="0">
                <a:sym typeface="Wingdings" panose="05000000000000000000" pitchFamily="2" charset="2"/>
              </a:rPr>
              <a:t> </a:t>
            </a:r>
            <a:r>
              <a:rPr lang="nl-BE" sz="2400" dirty="0" err="1">
                <a:sym typeface="Wingdings" panose="05000000000000000000" pitchFamily="2" charset="2"/>
              </a:rPr>
              <a:t>can</a:t>
            </a:r>
            <a:r>
              <a:rPr lang="nl-BE" sz="2400" dirty="0">
                <a:sym typeface="Wingdings" panose="05000000000000000000" pitchFamily="2" charset="2"/>
              </a:rPr>
              <a:t> </a:t>
            </a:r>
            <a:r>
              <a:rPr lang="nl-BE" sz="2400" dirty="0" err="1">
                <a:sym typeface="Wingdings" panose="05000000000000000000" pitchFamily="2" charset="2"/>
              </a:rPr>
              <a:t>be</a:t>
            </a:r>
            <a:r>
              <a:rPr lang="nl-BE" sz="2400" dirty="0">
                <a:sym typeface="Wingdings" panose="05000000000000000000" pitchFamily="2" charset="2"/>
              </a:rPr>
              <a:t> </a:t>
            </a:r>
            <a:r>
              <a:rPr lang="nl-BE" sz="2400" dirty="0" err="1">
                <a:sym typeface="Wingdings" panose="05000000000000000000" pitchFamily="2" charset="2"/>
              </a:rPr>
              <a:t>used</a:t>
            </a:r>
            <a:r>
              <a:rPr lang="nl-BE" sz="2400" dirty="0">
                <a:sym typeface="Wingdings" panose="05000000000000000000" pitchFamily="2" charset="2"/>
              </a:rPr>
              <a:t> </a:t>
            </a:r>
            <a:r>
              <a:rPr lang="nl-BE" sz="2400" dirty="0" err="1">
                <a:sym typeface="Wingdings" panose="05000000000000000000" pitchFamily="2" charset="2"/>
              </a:rPr>
              <a:t>for</a:t>
            </a:r>
            <a:r>
              <a:rPr lang="nl-BE" sz="2400" dirty="0">
                <a:sym typeface="Wingdings" panose="05000000000000000000" pitchFamily="2" charset="2"/>
              </a:rPr>
              <a:t> multiple resource </a:t>
            </a:r>
            <a:r>
              <a:rPr lang="nl-BE" sz="2400" dirty="0" err="1">
                <a:sym typeface="Wingdings" panose="05000000000000000000" pitchFamily="2" charset="2"/>
              </a:rPr>
              <a:t>groups</a:t>
            </a:r>
            <a:endParaRPr lang="nl-BE" sz="2400" dirty="0">
              <a:sym typeface="Wingdings" panose="05000000000000000000" pitchFamily="2" charset="2"/>
            </a:endParaRPr>
          </a:p>
          <a:p>
            <a:pPr marL="576900" lvl="1" indent="-342900">
              <a:buFont typeface="Arial" panose="020B0604020202020204" pitchFamily="34" charset="0"/>
              <a:buChar char="•"/>
            </a:pPr>
            <a:r>
              <a:rPr lang="nl-BE" sz="1800" dirty="0" err="1">
                <a:sym typeface="Wingdings" panose="05000000000000000000" pitchFamily="2" charset="2"/>
              </a:rPr>
              <a:t>When</a:t>
            </a:r>
            <a:r>
              <a:rPr lang="nl-BE" sz="1800" dirty="0">
                <a:sym typeface="Wingdings" panose="05000000000000000000" pitchFamily="2" charset="2"/>
              </a:rPr>
              <a:t> </a:t>
            </a:r>
            <a:r>
              <a:rPr lang="nl-BE" sz="1800" dirty="0" err="1">
                <a:sym typeface="Wingdings" panose="05000000000000000000" pitchFamily="2" charset="2"/>
              </a:rPr>
              <a:t>compromised</a:t>
            </a:r>
            <a:r>
              <a:rPr lang="nl-BE" sz="1800" dirty="0">
                <a:sym typeface="Wingdings" panose="05000000000000000000" pitchFamily="2" charset="2"/>
              </a:rPr>
              <a:t>, </a:t>
            </a:r>
            <a:r>
              <a:rPr lang="nl-BE" sz="1800" dirty="0" err="1">
                <a:sym typeface="Wingdings" panose="05000000000000000000" pitchFamily="2" charset="2"/>
              </a:rPr>
              <a:t>all</a:t>
            </a:r>
            <a:r>
              <a:rPr lang="nl-BE" sz="1800" dirty="0">
                <a:sym typeface="Wingdings" panose="05000000000000000000" pitchFamily="2" charset="2"/>
              </a:rPr>
              <a:t> </a:t>
            </a:r>
            <a:r>
              <a:rPr lang="nl-BE" sz="1800" dirty="0" err="1">
                <a:sym typeface="Wingdings" panose="05000000000000000000" pitchFamily="2" charset="2"/>
              </a:rPr>
              <a:t>projects</a:t>
            </a:r>
            <a:r>
              <a:rPr lang="nl-BE" sz="1800" dirty="0">
                <a:sym typeface="Wingdings" panose="05000000000000000000" pitchFamily="2" charset="2"/>
              </a:rPr>
              <a:t> </a:t>
            </a:r>
            <a:r>
              <a:rPr lang="nl-BE" sz="1800" dirty="0" err="1">
                <a:sym typeface="Wingdings" panose="05000000000000000000" pitchFamily="2" charset="2"/>
              </a:rPr>
              <a:t>using</a:t>
            </a:r>
            <a:r>
              <a:rPr lang="nl-BE" sz="1800" dirty="0">
                <a:sym typeface="Wingdings" panose="05000000000000000000" pitchFamily="2" charset="2"/>
              </a:rPr>
              <a:t> </a:t>
            </a:r>
            <a:r>
              <a:rPr lang="nl-BE" sz="1800" dirty="0" err="1">
                <a:sym typeface="Wingdings" panose="05000000000000000000" pitchFamily="2" charset="2"/>
              </a:rPr>
              <a:t>the</a:t>
            </a:r>
            <a:r>
              <a:rPr lang="nl-BE" sz="1800" dirty="0">
                <a:sym typeface="Wingdings" panose="05000000000000000000" pitchFamily="2" charset="2"/>
              </a:rPr>
              <a:t> app </a:t>
            </a:r>
            <a:r>
              <a:rPr lang="nl-BE" sz="1800" dirty="0" err="1">
                <a:sym typeface="Wingdings" panose="05000000000000000000" pitchFamily="2" charset="2"/>
              </a:rPr>
              <a:t>registrations</a:t>
            </a:r>
            <a:r>
              <a:rPr lang="nl-BE" sz="1800" dirty="0">
                <a:sym typeface="Wingdings" panose="05000000000000000000" pitchFamily="2" charset="2"/>
              </a:rPr>
              <a:t> are </a:t>
            </a:r>
            <a:r>
              <a:rPr lang="nl-BE" sz="1800" dirty="0" err="1">
                <a:sym typeface="Wingdings" panose="05000000000000000000" pitchFamily="2" charset="2"/>
              </a:rPr>
              <a:t>impacted</a:t>
            </a:r>
            <a:endParaRPr lang="nl-BE" sz="1800" dirty="0">
              <a:sym typeface="Wingdings" panose="05000000000000000000" pitchFamily="2" charset="2"/>
            </a:endParaRPr>
          </a:p>
          <a:p>
            <a:pPr marL="576900" lvl="1" indent="-342900">
              <a:buFont typeface="Arial" panose="020B0604020202020204" pitchFamily="34" charset="0"/>
              <a:buChar char="•"/>
            </a:pPr>
            <a:r>
              <a:rPr lang="en-GB" sz="1800" dirty="0"/>
              <a:t>Risk of using the wrong resources</a:t>
            </a:r>
          </a:p>
        </p:txBody>
      </p:sp>
    </p:spTree>
    <p:extLst>
      <p:ext uri="{BB962C8B-B14F-4D97-AF65-F5344CB8AC3E}">
        <p14:creationId xmlns:p14="http://schemas.microsoft.com/office/powerpoint/2010/main" val="14248448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>
            <a:extLst>
              <a:ext uri="{FF2B5EF4-FFF2-40B4-BE49-F238E27FC236}">
                <a16:creationId xmlns:a16="http://schemas.microsoft.com/office/drawing/2014/main" id="{712B19CF-549D-D260-1677-C787813CA9E2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682744" y="2594441"/>
            <a:ext cx="9447757" cy="1474763"/>
          </a:xfrm>
        </p:spPr>
        <p:txBody>
          <a:bodyPr/>
          <a:lstStyle/>
          <a:p>
            <a:r>
              <a:rPr lang="nl-BE" sz="11500" dirty="0"/>
              <a:t>Solution</a:t>
            </a:r>
            <a:endParaRPr lang="en-GB" sz="11500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7EBDB6A-94F7-E211-FD7C-95A60597C82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7844276" y="3981460"/>
            <a:ext cx="3694922" cy="3583225"/>
          </a:xfrm>
        </p:spPr>
        <p:txBody>
          <a:bodyPr/>
          <a:lstStyle/>
          <a:p>
            <a:r>
              <a:rPr lang="nl-BE" dirty="0"/>
              <a:t>02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483827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94F141-C79B-E99E-BEA6-E611BC228640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76275" y="697701"/>
            <a:ext cx="9305926" cy="486080"/>
          </a:xfrm>
        </p:spPr>
        <p:txBody>
          <a:bodyPr/>
          <a:lstStyle/>
          <a:p>
            <a:r>
              <a:rPr lang="nl-BE" dirty="0"/>
              <a:t>User </a:t>
            </a:r>
            <a:r>
              <a:rPr lang="nl-BE" dirty="0" err="1"/>
              <a:t>Assigned</a:t>
            </a:r>
            <a:r>
              <a:rPr lang="nl-BE" dirty="0"/>
              <a:t> </a:t>
            </a:r>
            <a:r>
              <a:rPr lang="nl-BE" dirty="0" err="1"/>
              <a:t>Managed</a:t>
            </a:r>
            <a:r>
              <a:rPr lang="nl-BE" dirty="0"/>
              <a:t> Identity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B493696-3F70-FAC4-4CE7-EB0DBC5114D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6275" y="1253493"/>
            <a:ext cx="7562117" cy="3493392"/>
          </a:xfrm>
        </p:spPr>
        <p:txBody>
          <a:bodyPr vert="horz" wrap="square" lIns="0" tIns="0" rIns="0" bIns="0" rtlCol="0">
            <a:spAutoFit/>
          </a:bodyPr>
          <a:lstStyle/>
          <a:p>
            <a:pPr marL="342900" indent="-342900">
              <a:buChar char="•"/>
            </a:pPr>
            <a:r>
              <a:rPr lang="en-GB" sz="2400" dirty="0"/>
              <a:t>Azure resource</a:t>
            </a:r>
          </a:p>
          <a:p>
            <a:pPr marL="576900" lvl="1" indent="-342900">
              <a:buFont typeface="Arial" panose="020B0604020202020204" pitchFamily="34" charset="0"/>
              <a:buChar char="•"/>
            </a:pPr>
            <a:r>
              <a:rPr lang="nl-BE" sz="1800" dirty="0"/>
              <a:t>C</a:t>
            </a:r>
            <a:r>
              <a:rPr lang="en-GB" sz="1800" dirty="0"/>
              <a:t>an be created within the same resource group</a:t>
            </a:r>
          </a:p>
          <a:p>
            <a:pPr marL="342900" indent="-342900">
              <a:buChar char="•"/>
            </a:pPr>
            <a:endParaRPr lang="en-GB" sz="2400" dirty="0"/>
          </a:p>
          <a:p>
            <a:pPr marL="342900" indent="-342900">
              <a:buChar char="•"/>
            </a:pPr>
            <a:r>
              <a:rPr lang="en-GB" sz="2400" dirty="0"/>
              <a:t>Creates an app registration for you in </a:t>
            </a:r>
            <a:r>
              <a:rPr lang="en-GB" sz="2400" dirty="0" err="1"/>
              <a:t>Entra</a:t>
            </a:r>
            <a:r>
              <a:rPr lang="en-GB" sz="2400" dirty="0"/>
              <a:t> ID</a:t>
            </a:r>
          </a:p>
          <a:p>
            <a:pPr marL="576900" lvl="1" indent="-342900">
              <a:buFont typeface="Arial" panose="020B0604020202020204" pitchFamily="34" charset="0"/>
              <a:buChar char="•"/>
            </a:pPr>
            <a:r>
              <a:rPr lang="en-GB" sz="1800" dirty="0"/>
              <a:t>Does not require </a:t>
            </a:r>
            <a:r>
              <a:rPr lang="en-GB" sz="1800" dirty="0" err="1"/>
              <a:t>Entra</a:t>
            </a:r>
            <a:r>
              <a:rPr lang="en-GB" sz="1800" dirty="0"/>
              <a:t> ID permissions</a:t>
            </a:r>
          </a:p>
          <a:p>
            <a:pPr marL="342900" indent="-342900">
              <a:buChar char="•"/>
            </a:pPr>
            <a:endParaRPr lang="en-GB" sz="2400" dirty="0"/>
          </a:p>
          <a:p>
            <a:pPr marL="342900" indent="-342900">
              <a:buChar char="•"/>
            </a:pPr>
            <a:r>
              <a:rPr lang="en-GB" sz="2400" dirty="0"/>
              <a:t>Easy set up</a:t>
            </a:r>
          </a:p>
          <a:p>
            <a:pPr marL="342900" indent="-342900">
              <a:buChar char="•"/>
            </a:pPr>
            <a:endParaRPr lang="en-GB" sz="2400" dirty="0"/>
          </a:p>
          <a:p>
            <a:pPr marL="342900" indent="-342900">
              <a:buChar char="•"/>
            </a:pPr>
            <a:r>
              <a:rPr lang="en-GB" sz="2400" dirty="0"/>
              <a:t>Allows fine-grained access to resources</a:t>
            </a:r>
            <a:endParaRPr lang="en-GB" sz="1800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6472B43A-F103-C9A5-B2FC-1796EB622BC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67192" y="1587602"/>
            <a:ext cx="2030017" cy="31778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26433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>
            <a:extLst>
              <a:ext uri="{FF2B5EF4-FFF2-40B4-BE49-F238E27FC236}">
                <a16:creationId xmlns:a16="http://schemas.microsoft.com/office/drawing/2014/main" id="{A06ED802-4C4C-E198-BD88-CC1EA498D573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681485" y="2596860"/>
            <a:ext cx="9364630" cy="1308050"/>
          </a:xfrm>
        </p:spPr>
        <p:txBody>
          <a:bodyPr/>
          <a:lstStyle/>
          <a:p>
            <a:r>
              <a:rPr lang="nl-BE" sz="10200" dirty="0"/>
              <a:t>How </a:t>
            </a:r>
            <a:r>
              <a:rPr lang="nl-BE" sz="10200" dirty="0" err="1"/>
              <a:t>to</a:t>
            </a:r>
            <a:r>
              <a:rPr lang="nl-BE" sz="10200" dirty="0"/>
              <a:t> </a:t>
            </a:r>
            <a:r>
              <a:rPr lang="nl-BE" sz="10200" dirty="0" err="1"/>
              <a:t>use</a:t>
            </a:r>
            <a:r>
              <a:rPr lang="nl-BE" sz="10200" dirty="0"/>
              <a:t> </a:t>
            </a:r>
            <a:r>
              <a:rPr lang="nl-BE" sz="10200" dirty="0" err="1"/>
              <a:t>it</a:t>
            </a:r>
            <a:r>
              <a:rPr lang="nl-BE" sz="10200" dirty="0"/>
              <a:t>?</a:t>
            </a:r>
            <a:endParaRPr lang="en-GB" sz="10200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79F1972-1324-75DF-8A9F-0777235C72D0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7841420" y="3981460"/>
            <a:ext cx="3818353" cy="3583225"/>
          </a:xfrm>
        </p:spPr>
        <p:txBody>
          <a:bodyPr/>
          <a:lstStyle/>
          <a:p>
            <a:r>
              <a:rPr lang="nl-BE" dirty="0"/>
              <a:t>03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146638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Baz 1920 x 1080">
  <a:themeElements>
    <a:clrScheme name="00. Inetum">
      <a:dk1>
        <a:sysClr val="windowText" lastClr="000000"/>
      </a:dk1>
      <a:lt1>
        <a:sysClr val="window" lastClr="FFFFFF"/>
      </a:lt1>
      <a:dk2>
        <a:srgbClr val="232D4B"/>
      </a:dk2>
      <a:lt2>
        <a:srgbClr val="F5F5F5"/>
      </a:lt2>
      <a:accent1>
        <a:srgbClr val="232D4B"/>
      </a:accent1>
      <a:accent2>
        <a:srgbClr val="005573"/>
      </a:accent2>
      <a:accent3>
        <a:srgbClr val="00AA9B"/>
      </a:accent3>
      <a:accent4>
        <a:srgbClr val="F04641"/>
      </a:accent4>
      <a:accent5>
        <a:srgbClr val="FCFCFC"/>
      </a:accent5>
      <a:accent6>
        <a:srgbClr val="F5F5F5"/>
      </a:accent6>
      <a:hlink>
        <a:srgbClr val="232D4B"/>
      </a:hlink>
      <a:folHlink>
        <a:srgbClr val="005573"/>
      </a:folHlink>
    </a:clrScheme>
    <a:fontScheme name="00. Inetum">
      <a:majorFont>
        <a:latin typeface="Poppins"/>
        <a:ea typeface=""/>
        <a:cs typeface=""/>
      </a:majorFont>
      <a:minorFont>
        <a:latin typeface="Poppi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>
        <a:defPPr algn="ctr">
          <a:defRPr/>
        </a:defPPr>
      </a:lstStyle>
      <a:style>
        <a:lnRef idx="2">
          <a:schemeClr val="accent1">
            <a:shade val="15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custClrLst>
    <a:custClr name="Strong Blue">
      <a:srgbClr val="232D4B"/>
    </a:custClr>
    <a:custClr name="Neutral Blue">
      <a:srgbClr val="005573"/>
    </a:custClr>
    <a:custClr name="Mineral Green">
      <a:srgbClr val="00AA9B"/>
    </a:custClr>
    <a:custClr name="Accent Red">
      <a:srgbClr val="F04641"/>
    </a:custClr>
    <a:custClr name="Grey">
      <a:srgbClr val="D9D9D9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Strong Blue 01">
      <a:srgbClr val="5A70B3"/>
    </a:custClr>
    <a:custClr name="Blue 01">
      <a:srgbClr val="31859C"/>
    </a:custClr>
    <a:custClr name="Green 01">
      <a:srgbClr val="58DAC7"/>
    </a:custClr>
    <a:custClr name="Red 01">
      <a:srgbClr val="F5908D"/>
    </a:custClr>
    <a:custClr name="Light Grey">
      <a:srgbClr val="E8E8E8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Strong Blue 02">
      <a:srgbClr val="91A0CC"/>
    </a:custClr>
    <a:custClr name="Blue 02">
      <a:srgbClr val="93CDDD"/>
    </a:custClr>
    <a:custClr name="Green 02">
      <a:srgbClr val="C4F6EF"/>
    </a:custClr>
    <a:custClr name="Red 02">
      <a:srgbClr val="FCDAD9"/>
    </a:custClr>
  </a:custClrLst>
  <a:extLst>
    <a:ext uri="{05A4C25C-085E-4340-85A3-A5531E510DB2}">
      <thm15:themeFamily xmlns:thm15="http://schemas.microsoft.com/office/thememl/2012/main" name="Baz 1920 x 1080" id="{BB0D31D3-0D97-4BE3-B659-CD0568000256}" vid="{CBB2102A-60F3-436A-A768-22A0F8D075E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Thème Offic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Override1.xml><?xml version="1.0" encoding="utf-8"?>
<a:themeOverride xmlns:a="http://schemas.openxmlformats.org/drawingml/2006/main">
  <a:clrScheme name="00. Inetum">
    <a:dk1>
      <a:sysClr val="windowText" lastClr="000000"/>
    </a:dk1>
    <a:lt1>
      <a:sysClr val="window" lastClr="FFFFFF"/>
    </a:lt1>
    <a:dk2>
      <a:srgbClr val="232D4B"/>
    </a:dk2>
    <a:lt2>
      <a:srgbClr val="F5F5F5"/>
    </a:lt2>
    <a:accent1>
      <a:srgbClr val="232D4B"/>
    </a:accent1>
    <a:accent2>
      <a:srgbClr val="005573"/>
    </a:accent2>
    <a:accent3>
      <a:srgbClr val="00AA9B"/>
    </a:accent3>
    <a:accent4>
      <a:srgbClr val="F04641"/>
    </a:accent4>
    <a:accent5>
      <a:srgbClr val="FCFCFC"/>
    </a:accent5>
    <a:accent6>
      <a:srgbClr val="F5F5F5"/>
    </a:accent6>
    <a:hlink>
      <a:srgbClr val="232D4B"/>
    </a:hlink>
    <a:folHlink>
      <a:srgbClr val="005573"/>
    </a:folHlink>
  </a:clrScheme>
</a:themeOverride>
</file>

<file path=ppt/theme/themeOverride2.xml><?xml version="1.0" encoding="utf-8"?>
<a:themeOverride xmlns:a="http://schemas.openxmlformats.org/drawingml/2006/main">
  <a:clrScheme name="00. Inetum">
    <a:dk1>
      <a:sysClr val="windowText" lastClr="000000"/>
    </a:dk1>
    <a:lt1>
      <a:sysClr val="window" lastClr="FFFFFF"/>
    </a:lt1>
    <a:dk2>
      <a:srgbClr val="232D4B"/>
    </a:dk2>
    <a:lt2>
      <a:srgbClr val="F5F5F5"/>
    </a:lt2>
    <a:accent1>
      <a:srgbClr val="232D4B"/>
    </a:accent1>
    <a:accent2>
      <a:srgbClr val="005573"/>
    </a:accent2>
    <a:accent3>
      <a:srgbClr val="00AA9B"/>
    </a:accent3>
    <a:accent4>
      <a:srgbClr val="F04641"/>
    </a:accent4>
    <a:accent5>
      <a:srgbClr val="FCFCFC"/>
    </a:accent5>
    <a:accent6>
      <a:srgbClr val="F5F5F5"/>
    </a:accent6>
    <a:hlink>
      <a:srgbClr val="232D4B"/>
    </a:hlink>
    <a:folHlink>
      <a:srgbClr val="005573"/>
    </a:folHlink>
  </a:clrScheme>
</a:themeOverrid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TemplafySlideTemplateConfiguration><![CDATA[{"slideVersion":1,"isValidatorEnabled":false,"isLocked":false,"elementsMetadata":[],"slideId":"883360252883632152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Cat_x00e9_gorie xmlns="c20241b9-074f-4fdb-9770-a6591d72625f">Modèles PowerPoint</Cat_x00e9_gorie>
    <Langue xmlns="c20241b9-074f-4fdb-9770-a6591d72625f" xsi:nil="true"/>
  </documentManagement>
</p:properties>
</file>

<file path=customXml/item3.xml><?xml version="1.0" encoding="utf-8"?>
<TemplafyTemplateConfiguration><![CDATA[{"elementsMetadata":[],"transformationConfigurations":[],"templateName":"INETUM_Realdolmen_Blanco_Presentation_24","templateDescription":"","enableDocumentContentUpdater":false,"version":"2.0"}]]></TemplafyTemplate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8621C6A61AF2A4FAD717D617A6D4608" ma:contentTypeVersion="12" ma:contentTypeDescription="Crée un document." ma:contentTypeScope="" ma:versionID="38a7346900896a7805bc92763d281224">
  <xsd:schema xmlns:xsd="http://www.w3.org/2001/XMLSchema" xmlns:xs="http://www.w3.org/2001/XMLSchema" xmlns:p="http://schemas.microsoft.com/office/2006/metadata/properties" xmlns:ns2="c20241b9-074f-4fdb-9770-a6591d72625f" xmlns:ns3="4ff0ae73-61d9-4414-a9a2-050c182b185c" targetNamespace="http://schemas.microsoft.com/office/2006/metadata/properties" ma:root="true" ma:fieldsID="2534418983e141e14a7ba55bda8d3eec" ns2:_="" ns3:_="">
    <xsd:import namespace="c20241b9-074f-4fdb-9770-a6591d72625f"/>
    <xsd:import namespace="4ff0ae73-61d9-4414-a9a2-050c182b185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Cat_x00e9_gorie" minOccurs="0"/>
                <xsd:element ref="ns2:Langue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MediaServiceDateTaken" minOccurs="0"/>
                <xsd:element ref="ns3:SharedWithUsers" minOccurs="0"/>
                <xsd:element ref="ns3:SharedWithDetail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20241b9-074f-4fdb-9770-a6591d72625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Cat_x00e9_gorie" ma:index="10" nillable="true" ma:displayName="Catégorie" ma:default="Autre" ma:format="RadioButtons" ma:internalName="Cat_x00e9_gorie">
      <xsd:simpleType>
        <xsd:union memberTypes="dms:Text">
          <xsd:simpleType>
            <xsd:restriction base="dms:Choice">
              <xsd:enumeration value="Corporate Brand Guidelines"/>
              <xsd:enumeration value="Modèles Word"/>
              <xsd:enumeration value="Modèles PowerPoint"/>
              <xsd:enumeration value="Modèle Excel"/>
              <xsd:enumeration value="Social Media"/>
              <xsd:enumeration value="Autre"/>
            </xsd:restriction>
          </xsd:simpleType>
        </xsd:union>
      </xsd:simpleType>
    </xsd:element>
    <xsd:element name="Langue" ma:index="11" nillable="true" ma:displayName="Langue" ma:format="Dropdown" ma:internalName="Langue">
      <xsd:simpleType>
        <xsd:restriction base="dms:Choice">
          <xsd:enumeration value="En"/>
          <xsd:enumeration value="Fr"/>
          <xsd:enumeration value="Es"/>
          <xsd:enumeration value="Pt"/>
        </xsd:restriction>
      </xsd:simpleType>
    </xsd:element>
    <xsd:element name="MediaServiceObjectDetectorVersions" ma:index="1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5" nillable="true" ma:displayName="MediaLengthInSeconds" ma:hidden="true" ma:internalName="MediaLengthInSeconds" ma:readOnly="true">
      <xsd:simpleType>
        <xsd:restriction base="dms:Unknown"/>
      </xsd:simpleType>
    </xsd:element>
    <xsd:element name="MediaServiceDateTaken" ma:index="16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SearchProperties" ma:index="19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ff0ae73-61d9-4414-a9a2-050c182b185c" elementFormDefault="qualified">
    <xsd:import namespace="http://schemas.microsoft.com/office/2006/documentManagement/types"/>
    <xsd:import namespace="http://schemas.microsoft.com/office/infopath/2007/PartnerControls"/>
    <xsd:element name="SharedWithUsers" ma:index="17" nillable="true" ma:displayName="Partagé avec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Partagé avec dé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Type de contenu"/>
        <xsd:element ref="dc:title" minOccurs="0" maxOccurs="1" ma:index="4" ma:displayName="Titr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883360252883632128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883360252883632151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657DAD5F-E137-4BFC-A622-399D04B28E6A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5230FD5D-CC1C-4B46-84CC-CE9C8389179C}">
  <ds:schemaRefs/>
</ds:datastoreItem>
</file>

<file path=customXml/itemProps11.xml><?xml version="1.0" encoding="utf-8"?>
<ds:datastoreItem xmlns:ds="http://schemas.openxmlformats.org/officeDocument/2006/customXml" ds:itemID="{1638485A-39BB-4173-B56A-13D7CA0DCA23}">
  <ds:schemaRefs/>
</ds:datastoreItem>
</file>

<file path=customXml/itemProps2.xml><?xml version="1.0" encoding="utf-8"?>
<ds:datastoreItem xmlns:ds="http://schemas.openxmlformats.org/officeDocument/2006/customXml" ds:itemID="{0BD31A23-3F46-49FC-8B65-9AA7590FF951}">
  <ds:schemaRefs>
    <ds:schemaRef ds:uri="http://purl.org/dc/dcmitype/"/>
    <ds:schemaRef ds:uri="http://schemas.microsoft.com/office/infopath/2007/PartnerControls"/>
    <ds:schemaRef ds:uri="http://www.w3.org/XML/1998/namespace"/>
    <ds:schemaRef ds:uri="http://schemas.microsoft.com/office/2006/metadata/properties"/>
    <ds:schemaRef ds:uri="http://schemas.microsoft.com/office/2006/documentManagement/types"/>
    <ds:schemaRef ds:uri="http://purl.org/dc/elements/1.1/"/>
    <ds:schemaRef ds:uri="c20241b9-074f-4fdb-9770-a6591d72625f"/>
    <ds:schemaRef ds:uri="http://schemas.openxmlformats.org/package/2006/metadata/core-properties"/>
    <ds:schemaRef ds:uri="4ff0ae73-61d9-4414-a9a2-050c182b185c"/>
    <ds:schemaRef ds:uri="http://purl.org/dc/terms/"/>
  </ds:schemaRefs>
</ds:datastoreItem>
</file>

<file path=customXml/itemProps3.xml><?xml version="1.0" encoding="utf-8"?>
<ds:datastoreItem xmlns:ds="http://schemas.openxmlformats.org/officeDocument/2006/customXml" ds:itemID="{EEA4F7E5-E715-4D46-8D37-C50D1045DDF7}">
  <ds:schemaRefs/>
</ds:datastoreItem>
</file>

<file path=customXml/itemProps4.xml><?xml version="1.0" encoding="utf-8"?>
<ds:datastoreItem xmlns:ds="http://schemas.openxmlformats.org/officeDocument/2006/customXml" ds:itemID="{775A26D8-B18D-4A69-B1E1-80B1014C9F0A}">
  <ds:schemaRefs/>
</ds:datastoreItem>
</file>

<file path=customXml/itemProps5.xml><?xml version="1.0" encoding="utf-8"?>
<ds:datastoreItem xmlns:ds="http://schemas.openxmlformats.org/officeDocument/2006/customXml" ds:itemID="{8B829961-47D3-4DFD-840A-7AAF2AB399B5}">
  <ds:schemaRefs>
    <ds:schemaRef ds:uri="4ff0ae73-61d9-4414-a9a2-050c182b185c"/>
    <ds:schemaRef ds:uri="c20241b9-074f-4fdb-9770-a6591d72625f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6.xml><?xml version="1.0" encoding="utf-8"?>
<ds:datastoreItem xmlns:ds="http://schemas.openxmlformats.org/officeDocument/2006/customXml" ds:itemID="{F463187C-328E-46BE-B3EA-EF8365E06448}">
  <ds:schemaRefs/>
</ds:datastoreItem>
</file>

<file path=customXml/itemProps7.xml><?xml version="1.0" encoding="utf-8"?>
<ds:datastoreItem xmlns:ds="http://schemas.openxmlformats.org/officeDocument/2006/customXml" ds:itemID="{C8734D9B-E519-4907-BB7B-0E80354B09BB}">
  <ds:schemaRefs/>
</ds:datastoreItem>
</file>

<file path=customXml/itemProps8.xml><?xml version="1.0" encoding="utf-8"?>
<ds:datastoreItem xmlns:ds="http://schemas.openxmlformats.org/officeDocument/2006/customXml" ds:itemID="{9C5E7BE0-D4DC-408F-A596-6BDAA17A9AE2}">
  <ds:schemaRefs/>
</ds:datastoreItem>
</file>

<file path=customXml/itemProps9.xml><?xml version="1.0" encoding="utf-8"?>
<ds:datastoreItem xmlns:ds="http://schemas.openxmlformats.org/officeDocument/2006/customXml" ds:itemID="{26B01030-F012-44B3-A9CA-329098895111}">
  <ds:schemaRefs/>
</ds:datastoreItem>
</file>

<file path=docMetadata/LabelInfo.xml><?xml version="1.0" encoding="utf-8"?>
<clbl:labelList xmlns:clbl="http://schemas.microsoft.com/office/2020/mipLabelMetadata">
  <clbl:label id="{6c04a875-6eb2-484b-a14b-e2519851b720}" enabled="1" method="Standard" siteId="{14cb4ab4-62b8-45a2-a944-e225383ee1f9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50</TotalTime>
  <Words>369</Words>
  <Application>Microsoft Office PowerPoint</Application>
  <PresentationFormat>Widescreen</PresentationFormat>
  <Paragraphs>97</Paragraphs>
  <Slides>17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7</vt:i4>
      </vt:variant>
    </vt:vector>
  </HeadingPairs>
  <TitlesOfParts>
    <vt:vector size="26" baseType="lpstr">
      <vt:lpstr>Arial</vt:lpstr>
      <vt:lpstr>Calibri</vt:lpstr>
      <vt:lpstr>Poppins</vt:lpstr>
      <vt:lpstr>Poppins ExtraBold</vt:lpstr>
      <vt:lpstr>Poppins Light</vt:lpstr>
      <vt:lpstr>Poppins Medium</vt:lpstr>
      <vt:lpstr>Verdana</vt:lpstr>
      <vt:lpstr>Wingdings</vt:lpstr>
      <vt:lpstr>Baz 1920 x 1080</vt:lpstr>
      <vt:lpstr>Techorama</vt:lpstr>
      <vt:lpstr>Hi, I am Jerry!</vt:lpstr>
      <vt:lpstr>PowerPoint Presentation</vt:lpstr>
      <vt:lpstr>Releasing software to Azure</vt:lpstr>
      <vt:lpstr>Example</vt:lpstr>
      <vt:lpstr>The problem</vt:lpstr>
      <vt:lpstr>PowerPoint Presentation</vt:lpstr>
      <vt:lpstr>User Assigned Managed Identity</vt:lpstr>
      <vt:lpstr>PowerPoint Presentation</vt:lpstr>
      <vt:lpstr>Requirements</vt:lpstr>
      <vt:lpstr>Set up User Assigned Managed Identity</vt:lpstr>
      <vt:lpstr>Set up Service Connection</vt:lpstr>
      <vt:lpstr>PowerPoint Presentation</vt:lpstr>
      <vt:lpstr>PowerPoint Presentation</vt:lpstr>
      <vt:lpstr>Key take-aways</vt:lpstr>
      <vt:lpstr>Q&amp;A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Inetum Template PowerPoint 2024</dc:title>
  <dc:creator>Kendall, Emily</dc:creator>
  <cp:lastModifiedBy>Jerry Van Echelpoel</cp:lastModifiedBy>
  <cp:revision>3</cp:revision>
  <dcterms:created xsi:type="dcterms:W3CDTF">2024-04-25T07:37:48Z</dcterms:created>
  <dcterms:modified xsi:type="dcterms:W3CDTF">2024-05-08T10:36:2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A8621C6A61AF2A4FAD717D617A6D4608</vt:lpwstr>
  </property>
  <property fmtid="{D5CDD505-2E9C-101B-9397-08002B2CF9AE}" pid="3" name="MSIP_Label_ce920d35-5d1f-4a8c-b515-54cdef6831ed_Enabled">
    <vt:lpwstr>true</vt:lpwstr>
  </property>
  <property fmtid="{D5CDD505-2E9C-101B-9397-08002B2CF9AE}" pid="4" name="MSIP_Label_ce920d35-5d1f-4a8c-b515-54cdef6831ed_SetDate">
    <vt:lpwstr>2024-04-04T07:48:02Z</vt:lpwstr>
  </property>
  <property fmtid="{D5CDD505-2E9C-101B-9397-08002B2CF9AE}" pid="5" name="MSIP_Label_ce920d35-5d1f-4a8c-b515-54cdef6831ed_Method">
    <vt:lpwstr>Standard</vt:lpwstr>
  </property>
  <property fmtid="{D5CDD505-2E9C-101B-9397-08002B2CF9AE}" pid="6" name="MSIP_Label_ce920d35-5d1f-4a8c-b515-54cdef6831ed_Name">
    <vt:lpwstr>ce920d35-5d1f-4a8c-b515-54cdef6831ed</vt:lpwstr>
  </property>
  <property fmtid="{D5CDD505-2E9C-101B-9397-08002B2CF9AE}" pid="7" name="MSIP_Label_ce920d35-5d1f-4a8c-b515-54cdef6831ed_SiteId">
    <vt:lpwstr>16850073-4977-4869-9163-08e8d38eac81</vt:lpwstr>
  </property>
  <property fmtid="{D5CDD505-2E9C-101B-9397-08002B2CF9AE}" pid="8" name="MSIP_Label_ce920d35-5d1f-4a8c-b515-54cdef6831ed_ActionId">
    <vt:lpwstr>baf09d79-1904-4701-9888-3b754c84cc2a</vt:lpwstr>
  </property>
  <property fmtid="{D5CDD505-2E9C-101B-9397-08002B2CF9AE}" pid="9" name="MSIP_Label_ce920d35-5d1f-4a8c-b515-54cdef6831ed_ContentBits">
    <vt:lpwstr>2</vt:lpwstr>
  </property>
  <property fmtid="{D5CDD505-2E9C-101B-9397-08002B2CF9AE}" pid="10" name="TemplafyTimeStamp">
    <vt:lpwstr>2024-04-05T05:44:28</vt:lpwstr>
  </property>
  <property fmtid="{D5CDD505-2E9C-101B-9397-08002B2CF9AE}" pid="11" name="TemplafyTenantId">
    <vt:lpwstr>inetum</vt:lpwstr>
  </property>
  <property fmtid="{D5CDD505-2E9C-101B-9397-08002B2CF9AE}" pid="12" name="TemplafyTemplateId">
    <vt:lpwstr>883360235531799350</vt:lpwstr>
  </property>
  <property fmtid="{D5CDD505-2E9C-101B-9397-08002B2CF9AE}" pid="13" name="TemplafyUserProfileId">
    <vt:lpwstr>638174840596253798</vt:lpwstr>
  </property>
  <property fmtid="{D5CDD505-2E9C-101B-9397-08002B2CF9AE}" pid="14" name="TemplafyFromBlank">
    <vt:bool>true</vt:bool>
  </property>
</Properties>
</file>